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theme/theme2.xml" ContentType="application/vnd.openxmlformats-officedocument.theme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5"/>
    <p:sldMasterId id="2147483684" r:id="rId6"/>
    <p:sldMasterId id="2147483670" r:id="rId7"/>
  </p:sldMasterIdLst>
  <p:notesMasterIdLst>
    <p:notesMasterId r:id="rId26"/>
  </p:notesMasterIdLst>
  <p:sldIdLst>
    <p:sldId id="256" r:id="rId8"/>
    <p:sldId id="341" r:id="rId9"/>
    <p:sldId id="348" r:id="rId10"/>
    <p:sldId id="315" r:id="rId11"/>
    <p:sldId id="370" r:id="rId12"/>
    <p:sldId id="365" r:id="rId13"/>
    <p:sldId id="428" r:id="rId14"/>
    <p:sldId id="406" r:id="rId15"/>
    <p:sldId id="305" r:id="rId16"/>
    <p:sldId id="426" r:id="rId17"/>
    <p:sldId id="281" r:id="rId18"/>
    <p:sldId id="356" r:id="rId19"/>
    <p:sldId id="360" r:id="rId20"/>
    <p:sldId id="363" r:id="rId21"/>
    <p:sldId id="362" r:id="rId22"/>
    <p:sldId id="401" r:id="rId23"/>
    <p:sldId id="398" r:id="rId24"/>
    <p:sldId id="409" r:id="rId25"/>
  </p:sldIdLst>
  <p:sldSz cx="12192000" cy="6858000"/>
  <p:notesSz cx="6797675" cy="9926638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sektion" id="{C9D14B90-5CAE-44EF-8EF1-B25DBB9B543E}">
          <p14:sldIdLst>
            <p14:sldId id="256"/>
            <p14:sldId id="341"/>
            <p14:sldId id="348"/>
            <p14:sldId id="315"/>
            <p14:sldId id="370"/>
            <p14:sldId id="365"/>
            <p14:sldId id="428"/>
            <p14:sldId id="406"/>
            <p14:sldId id="305"/>
            <p14:sldId id="426"/>
            <p14:sldId id="281"/>
            <p14:sldId id="356"/>
            <p14:sldId id="360"/>
            <p14:sldId id="363"/>
            <p14:sldId id="362"/>
            <p14:sldId id="401"/>
            <p14:sldId id="398"/>
            <p14:sldId id="409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FF"/>
    <a:srgbClr val="011D70"/>
    <a:srgbClr val="FF0000"/>
    <a:srgbClr val="99D7F6"/>
    <a:srgbClr val="628EA7"/>
    <a:srgbClr val="066398"/>
    <a:srgbClr val="1F4A60"/>
    <a:srgbClr val="CCCCCC"/>
    <a:srgbClr val="F3ABB5"/>
    <a:srgbClr val="021A6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llemlayou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Mellemlayout 2 - Markering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9012ECD-51FC-41F1-AA8D-1B2483CD663E}" styleName="Lyst layout 2 - Markerin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723" autoAdjust="0"/>
    <p:restoredTop sz="75211" autoAdjust="0"/>
  </p:normalViewPr>
  <p:slideViewPr>
    <p:cSldViewPr showGuides="1">
      <p:cViewPr varScale="1">
        <p:scale>
          <a:sx n="86" d="100"/>
          <a:sy n="86" d="100"/>
        </p:scale>
        <p:origin x="1338" y="78"/>
      </p:cViewPr>
      <p:guideLst/>
    </p:cSldViewPr>
  </p:slideViewPr>
  <p:outlineViewPr>
    <p:cViewPr>
      <p:scale>
        <a:sx n="33" d="100"/>
        <a:sy n="33" d="100"/>
      </p:scale>
      <p:origin x="0" y="-1938"/>
    </p:cViewPr>
  </p:outlin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50" d="100"/>
        <a:sy n="5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presProps" Target="pres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5-01-2021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133556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03514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1721687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6127546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980759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344158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3819115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701956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310581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373089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677696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5882577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4200902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06495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51471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422275" y="1241425"/>
            <a:ext cx="5953125" cy="3349625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1351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6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emf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6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emf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6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5.emf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emf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3" y="2038158"/>
            <a:ext cx="12191423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2040928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1940211658" name="image" descr="{&quot;templafy&quot;:{&quot;id&quot;:&quot;4f6d7a3a-6ff5-4cba-8781-315995ac799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40" y="2720891"/>
            <a:ext cx="9435659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42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965291798" name="image" descr="{&quot;templafy&quot;:{&quot;id&quot;:&quot;d103dbc8-1504-48e5-ad7d-a9a5734d0d1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pic>
        <p:nvPicPr>
          <p:cNvPr id="1959880576" name="image" descr="{&quot;templafy&quot;:{&quot;id&quot;:&quot;aa163bca-9b13-4e6b-b406-41b2fda685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218449142" name="image" descr="{&quot;templafy&quot;:{&quot;id&quot;:&quot;7b245db4-ec50-4c43-958e-a724d024e58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1423" y="-3960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e7bd7818-1367-4587-ae3f-ea26f7458af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998e094-2aa3-42a1-8050-32814483e60a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18605944" name="image" descr="{&quot;templafy&quot;:{&quot;id&quot;:&quot;f10dcb77-57a2-4595-9461-2eefbd5198c7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76771882" name="image" descr="{&quot;templafy&quot;:{&quot;id&quot;:&quot;6caea015-5da1-4a6f-a87f-5f09f5e22c17&quot;}}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pic>
        <p:nvPicPr>
          <p:cNvPr id="1604492147" name="image" descr="{&quot;templafy&quot;:{&quot;id&quot;:&quot;a0025391-b65d-4faf-b72c-ce11a3df45b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43895997" name="image" descr="{&quot;templafy&quot;:{&quot;id&quot;:&quot;9310d181-6ae2-41fd-b6cf-8de6b51b838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5223594d-d984-48ba-809b-415825978208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29" name="text" descr="{&quot;templafy&quot;:{&quot;id&quot;:&quot;c34417fe-27ef-4d11-ad0a-3c888790543b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72da5114-dec7-4f41-b5b9-9a7d2ec90eee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31" name="text" descr="{&quot;templafy&quot;:{&quot;id&quot;:&quot;33c2f40c-82ed-40d2-b7e4-a93edbb8b4a6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970214FA-9CA7-4673-A055-CE2E4B30E4E0}"/>
              </a:ext>
            </a:extLst>
          </p:cNvPr>
          <p:cNvSpPr/>
          <p:nvPr userDrawn="1"/>
        </p:nvSpPr>
        <p:spPr>
          <a:xfrm>
            <a:off x="683571" y="6174000"/>
            <a:ext cx="10824863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7" name="Rektangel 26">
            <a:extLst>
              <a:ext uri="{FF2B5EF4-FFF2-40B4-BE49-F238E27FC236}">
                <a16:creationId xmlns:a16="http://schemas.microsoft.com/office/drawing/2014/main" id="{8DDC7F0C-4C87-48AA-8578-2C0EB73A79CE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317913542" name="image" descr="{&quot;templafy&quot;:{&quot;id&quot;:&quot;ab4f3291-9a86-4028-b70f-697f987f29f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37600"/>
            <a:ext cx="684000" cy="4820400"/>
          </a:xfrm>
          <a:prstGeom prst="rect">
            <a:avLst/>
          </a:prstGeom>
        </p:spPr>
      </p:pic>
      <p:pic>
        <p:nvPicPr>
          <p:cNvPr id="1739234620" name="image" descr="{&quot;templafy&quot;:{&quot;id&quot;:&quot;ce223e13-5116-442e-9625-128022e785e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328867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896425655" name="image" descr="{&quot;templafy&quot;:{&quot;id&quot;:&quot;c7bf01c3-9b44-497d-9946-fe8eed665c8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450f100c-2dd6-4192-b954-88e9c6dbb9bd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igshospitalet</a:t>
            </a:r>
          </a:p>
        </p:txBody>
      </p:sp>
      <p:sp>
        <p:nvSpPr>
          <p:cNvPr id="17" name="text" descr="{&quot;templafy&quot;:{&quot;id&quot;:&quot;af48fec4-5300-4e51-8191-c09562c30b53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1c231d4a-c924-43ac-ba82-002a061e86b3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22" name="text" descr="{&quot;templafy&quot;:{&quot;id&quot;:&quot;c800418b-fcaa-4ecb-a53e-d55d476836b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475048971" name="image" descr="{&quot;templafy&quot;:{&quot;id&quot;:&quot;fd71fba1-0a2d-4948-a7fd-9ca9d84f25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95532450" name="image" descr="{&quot;templafy&quot;:{&quot;id&quot;:&quot;1e8089cd-acaa-4cfa-9aec-2adf17b942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06079943" name="image" descr="{&quot;templafy&quot;:{&quot;id&quot;:&quot;4c01cc17-1d32-4d2b-9d8e-7e8c8980db1c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9" name="text" descr="{&quot;templafy&quot;:{&quot;id&quot;:&quot;edc714f1-06e5-4bda-b8bf-c4813baf9137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2f91267b-765e-4c96-b312-fba705bec98f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38684405" name="image" descr="{&quot;templafy&quot;:{&quot;id&quot;:&quot;209facd7-4086-41dc-ba59-8461d8ede37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4189924" name="image" descr="{&quot;templafy&quot;:{&quot;id&quot;:&quot;b5463f2a-65ea-41e4-bd4d-718052cd8b4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8f87b274-7dcb-4643-ac99-d8da082c1531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2" name="text" descr="{&quot;templafy&quot;:{&quot;id&quot;:&quot;fabd47f2-5143-42bb-abea-f84f6bad6cdb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958ffc60-576e-4970-90b7-ba5d00ee60d4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e9036a51-79c3-4f19-bd74-5a9b68829819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991933719" name="image" descr="{&quot;templafy&quot;:{&quot;id&quot;:&quot;31653f5c-fe08-4e08-92fe-e506da36edb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96291483" name="image" descr="{&quot;templafy&quot;:{&quot;id&quot;:&quot;8b1d662e-aed2-41dc-be4d-e1329752f7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92312387" name="image" descr="{&quot;templafy&quot;:{&quot;id&quot;:&quot;af081626-b4bd-4ee9-b3bf-0985de3477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670911779" name="image" descr="{&quot;templafy&quot;:{&quot;id&quot;:&quot;5a3b6141-ad9e-4e77-8de6-b0ae6c67ac8d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88a9a247-5d37-4f4f-a7dd-0fdfe3bea7b3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18" name="text" descr="{&quot;templafy&quot;:{&quot;id&quot;:&quot;d6e4f85a-201f-430c-ade0-e27f55c1c329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3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998434713" name="image" descr="{&quot;templafy&quot;:{&quot;id&quot;:&quot;0a9eebfa-1317-4fd4-96b8-01287f39729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1016737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2054035095" name="image" descr="{&quot;templafy&quot;:{&quot;id&quot;:&quot;95c74bdf-da06-4adb-b091-bc532f73064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7200" y="50400"/>
            <a:ext cx="4176000" cy="619200"/>
          </a:xfrm>
          <a:prstGeom prst="rect">
            <a:avLst/>
          </a:prstGeom>
        </p:spPr>
      </p:pic>
      <p:pic>
        <p:nvPicPr>
          <p:cNvPr id="88871255" name="image" descr="{&quot;templafy&quot;:{&quot;id&quot;:&quot;e48473ed-38ff-45f7-8bc5-a1f1e43f4fe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48511101" name="image" descr="{&quot;templafy&quot;:{&quot;id&quot;:&quot;0dc9c24b-b61b-422e-b54b-2e79dffaca4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40e9e813-0dc1-4d00-afa2-7330d8943f87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27" name="text" descr="{&quot;templafy&quot;:{&quot;id&quot;:&quot;43974b70-e8fd-4478-8868-beb03850928e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1b72bc2c-0943-4f62-9d12-c39bf574073b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re for Cancer and Organ Diseases</a:t>
            </a:r>
          </a:p>
        </p:txBody>
      </p:sp>
      <p:sp>
        <p:nvSpPr>
          <p:cNvPr id="36" name="text" descr="{&quot;templafy&quot;:{&quot;id&quot;:&quot;1b0a39da-c6e9-4b38-8bba-d6d7f6d8ca1f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42357081" name="image" descr="{&quot;templafy&quot;:{&quot;id&quot;:&quot;74f14476-f0dd-4e25-b069-f411fcc7d88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10739381" name="image" descr="{&quot;templafy&quot;:{&quot;id&quot;:&quot;f7ca028a-04c3-4739-b01c-586a6cb8c8d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271b0150-da17-4ce2-880b-e15f87b806b2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88293a8b-b347-4d03-bb9d-81c2f569a570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23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5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4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3" y="1479523"/>
            <a:ext cx="2160799" cy="4355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9" y="3341699"/>
            <a:ext cx="740399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91" y="4380698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5" y="1479520"/>
            <a:ext cx="2566255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5" y="2019313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B70C68A-97BE-4F2E-B960-35693E750C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C4EE92E8-97B9-4DD5-9CDD-DE6457441C6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9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801139F-85BC-4860-9E7E-5C3A6F555A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937F79A-F1DB-498B-9D43-73ABEC56C4E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6D0238D1-A15F-4CA1-8C58-F0E95F38F3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9C8A5778-9E37-4F85-83F0-25617F745902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384186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3" y="2038158"/>
            <a:ext cx="12191423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2040928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1940211658" name="image" descr="{&quot;templafy&quot;:{&quot;id&quot;:&quot;4f6d7a3a-6ff5-4cba-8781-315995ac799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40" y="2720891"/>
            <a:ext cx="9435659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42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965291798" name="image" descr="{&quot;templafy&quot;:{&quot;id&quot;:&quot;d103dbc8-1504-48e5-ad7d-a9a5734d0d1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pic>
        <p:nvPicPr>
          <p:cNvPr id="1959880576" name="image" descr="{&quot;templafy&quot;:{&quot;id&quot;:&quot;aa163bca-9b13-4e6b-b406-41b2fda685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218449142" name="image" descr="{&quot;templafy&quot;:{&quot;id&quot;:&quot;7b245db4-ec50-4c43-958e-a724d024e58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1423" y="-3960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e7bd7818-1367-4587-ae3f-ea26f7458af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998e094-2aa3-42a1-8050-32814483e60a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18605944" name="image" descr="{&quot;templafy&quot;:{&quot;id&quot;:&quot;f10dcb77-57a2-4595-9461-2eefbd5198c7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76771882" name="image" descr="{&quot;templafy&quot;:{&quot;id&quot;:&quot;6caea015-5da1-4a6f-a87f-5f09f5e22c17&quot;}}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pic>
        <p:nvPicPr>
          <p:cNvPr id="1604492147" name="image" descr="{&quot;templafy&quot;:{&quot;id&quot;:&quot;a0025391-b65d-4faf-b72c-ce11a3df45b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43895997" name="image" descr="{&quot;templafy&quot;:{&quot;id&quot;:&quot;9310d181-6ae2-41fd-b6cf-8de6b51b838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5223594d-d984-48ba-809b-415825978208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29" name="text" descr="{&quot;templafy&quot;:{&quot;id&quot;:&quot;c34417fe-27ef-4d11-ad0a-3c888790543b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72da5114-dec7-4f41-b5b9-9a7d2ec90eee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31" name="text" descr="{&quot;templafy&quot;:{&quot;id&quot;:&quot;33c2f40c-82ed-40d2-b7e4-a93edbb8b4a6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970214FA-9CA7-4673-A055-CE2E4B30E4E0}"/>
              </a:ext>
            </a:extLst>
          </p:cNvPr>
          <p:cNvSpPr/>
          <p:nvPr userDrawn="1"/>
        </p:nvSpPr>
        <p:spPr>
          <a:xfrm>
            <a:off x="683571" y="6174000"/>
            <a:ext cx="10824863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7" name="Rektangel 26">
            <a:extLst>
              <a:ext uri="{FF2B5EF4-FFF2-40B4-BE49-F238E27FC236}">
                <a16:creationId xmlns:a16="http://schemas.microsoft.com/office/drawing/2014/main" id="{8DDC7F0C-4C87-48AA-8578-2C0EB73A79CE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207261012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396044"/>
          </a:xfrm>
        </p:spPr>
        <p:txBody>
          <a:bodyPr/>
          <a:lstStyle>
            <a:lvl1pPr>
              <a:defRPr b="0"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6531496"/>
            <a:ext cx="687387" cy="180000"/>
          </a:xfrm>
        </p:spPr>
        <p:txBody>
          <a:bodyPr/>
          <a:lstStyle>
            <a:lvl1pPr>
              <a:defRPr sz="800"/>
            </a:lvl1pPr>
          </a:lstStyle>
          <a:p>
            <a:fld id="{667EC89C-17A0-4E64-A6D2-B825673CEEDF}" type="slidenum">
              <a:rPr lang="en-US" smtClean="0"/>
              <a:pPr/>
              <a:t>‹nr.›</a:t>
            </a:fld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001" y="1989139"/>
            <a:ext cx="10136615" cy="3498850"/>
          </a:xfrm>
        </p:spPr>
        <p:txBody>
          <a:bodyPr/>
          <a:lstStyle>
            <a:lvl1pPr marL="269993" indent="-269993">
              <a:defRPr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text" descr="{&quot;templafy&quot;:{&quot;id&quot;:&quot;493a4807-c965-486e-a748-8c2c34bd7e1a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9" name="text" descr="{&quot;templafy&quot;:{&quot;id&quot;:&quot;defd15b2-1b13-4b6c-a61d-45ce71362740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83256847" name="image" descr="{&quot;templafy&quot;:{&quot;id&quot;:&quot;c8391e25-fef2-47d3-be87-c6db911b169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08971379" name="image" descr="{&quot;templafy&quot;:{&quot;id&quot;:&quot;f395f856-69e6-4d20-ae21-8075c8048d2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28725876" name="image" descr="{&quot;templafy&quot;:{&quot;id&quot;:&quot;7551099c-2245-4761-8e9f-047505f709e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6105286a-9ada-431f-9561-bb0d5be57872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-2112912" y="6519991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8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3" name="text" descr="{&quot;templafy&quot;:{&quot;id&quot;:&quot;e15f287f-35ad-4e69-bb00-ef99f95d5c40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767376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40" y="1989139"/>
            <a:ext cx="4924425" cy="3498850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33af5a29-54e7-4392-9e37-dfbebabeeea2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1" name="text" descr="{&quot;templafy&quot;:{&quot;id&quot;:&quot;0081f496-cc45-4190-916a-40dc37d34fca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3e9da2d2-bd81-4f1b-a064-ff907ab4c115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71ef1f6f-0a55-4595-8434-1b99878fb822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29980033" name="image" descr="{&quot;templafy&quot;:{&quot;id&quot;:&quot;61dc7cdc-93c1-448f-b9b0-f4c91a8fb67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40096787" name="image" descr="{&quot;templafy&quot;:{&quot;id&quot;:&quot;db682fe4-0611-4662-b5cf-3f8f1e2ca0c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01266979" name="image" descr="{&quot;templafy&quot;:{&quot;id&quot;:&quot;aba36236-9223-40d4-90b2-64a606b7ec0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526647823" name="image" descr="{&quot;templafy&quot;:{&quot;id&quot;:&quot;118a35f7-35c4-4720-9ef0-667e3a47f3b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e95e961b-db66-4490-8b17-ce8cf13484d5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2324ee5-7c05-4e2b-9c31-41bd90dff493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974921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1" y="4838167"/>
            <a:ext cx="1013661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1" y="871204"/>
            <a:ext cx="10136615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dbc302ff-2ba8-44c2-b8a0-86421221869d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53e36f68-5908-43ac-986c-bb8dfe0267c6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4a319d98-15f7-4e71-9f8a-571fe05f3d8d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d73213c8-bb61-4b9e-a2cb-e6f4188242a6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52625658" name="image" descr="{&quot;templafy&quot;:{&quot;id&quot;:&quot;3f4387ad-df93-4cb6-a6fd-72596681f7b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632138" name="image" descr="{&quot;templafy&quot;:{&quot;id&quot;:&quot;06e7d381-6fb7-4b4d-9db3-21356f7e8f7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87179031" name="image" descr="{&quot;templafy&quot;:{&quot;id&quot;:&quot;aefe98fa-c435-41f6-903c-b588b9981e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08538968" name="image" descr="{&quot;templafy&quot;:{&quot;id&quot;:&quot;6d4132f3-4487-4275-adf1-aef8c874fbb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14250894" name="image" descr="{&quot;templafy&quot;:{&quot;id&quot;:&quot;0f979aca-9188-4398-b5c8-cfee7d84ed3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96961700" name="image" descr="{&quot;templafy&quot;:{&quot;id&quot;:&quot;74b2e1d6-9b3c-4f40-998b-0da9d39303a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4b4b636-4018-462e-a743-9f5a5f96b80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4896afed-3903-4636-a25e-58ea80269f39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863821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50" y="4838167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001" y="871204"/>
            <a:ext cx="10136615" cy="3831675"/>
          </a:xfrm>
        </p:spPr>
        <p:txBody>
          <a:bodyPr/>
          <a:lstStyle>
            <a:lvl1pPr marL="269993" indent="-269993">
              <a:defRPr baseline="0"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4595c7b1-f312-4d29-958f-f51aea285e79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9" name="text" descr="{&quot;templafy&quot;:{&quot;id&quot;:&quot;47d32271-b005-4d2c-aaef-fbfc18277d87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bfb7b415-8762-4d74-9596-1e7f6eeef6de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76078c2-f7bc-477d-a7d2-6df566c7f2f3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91313057" name="image" descr="{&quot;templafy&quot;:{&quot;id&quot;:&quot;b4122156-c8fe-4924-a311-ffeaecd3a21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2561909" name="image" descr="{&quot;templafy&quot;:{&quot;id&quot;:&quot;53fc1c55-56cc-40a1-a98e-5a885105aca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659199" name="image" descr="{&quot;templafy&quot;:{&quot;id&quot;:&quot;1949a893-e75f-4283-b479-5a75762aa2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5872379" name="image" descr="{&quot;templafy&quot;:{&quot;id&quot;:&quot;81b9dd8f-57ab-4bad-bbd5-54292077cc4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42748174" name="image" descr="{&quot;templafy&quot;:{&quot;id&quot;:&quot;cf10c756-e31e-48ce-a33c-5dc54d482eb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163534692" name="image" descr="{&quot;templafy&quot;:{&quot;id&quot;:&quot;a3a3aad8-fee7-4681-8b83-5c83fa3fc8d8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9ee124c-aa7a-46a1-8577-11ab30c9eb2e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1ba52423-62b4-4f32-a66b-2df446f7ee3d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908089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396044"/>
          </a:xfrm>
        </p:spPr>
        <p:txBody>
          <a:bodyPr/>
          <a:lstStyle>
            <a:lvl1pPr>
              <a:defRPr b="0"/>
            </a:lvl1pPr>
          </a:lstStyle>
          <a:p>
            <a:r>
              <a:rPr lang="en-GB" dirty="0" err="1"/>
              <a:t>Overskrift</a:t>
            </a:r>
            <a:r>
              <a:rPr lang="en-GB" dirty="0"/>
              <a:t> 28pt </a:t>
            </a:r>
            <a:r>
              <a:rPr lang="en-GB" dirty="0" err="1"/>
              <a:t>i</a:t>
            </a:r>
            <a:r>
              <a:rPr lang="en-GB" dirty="0"/>
              <a:t> max. to </a:t>
            </a:r>
            <a:r>
              <a:rPr lang="en-GB" dirty="0" err="1"/>
              <a:t>linjer</a:t>
            </a:r>
            <a:r>
              <a:rPr lang="en-GB" dirty="0"/>
              <a:t> </a:t>
            </a:r>
            <a:br>
              <a:rPr lang="en-GB" dirty="0"/>
            </a:br>
            <a:r>
              <a:rPr lang="en-GB" dirty="0" err="1"/>
              <a:t>teksten</a:t>
            </a:r>
            <a:r>
              <a:rPr lang="en-GB" dirty="0"/>
              <a:t> </a:t>
            </a:r>
            <a:r>
              <a:rPr lang="en-GB" dirty="0" err="1"/>
              <a:t>vokser</a:t>
            </a:r>
            <a:r>
              <a:rPr lang="en-GB" dirty="0"/>
              <a:t> </a:t>
            </a:r>
            <a:r>
              <a:rPr lang="en-GB" dirty="0" err="1"/>
              <a:t>opad</a:t>
            </a:r>
            <a:endParaRPr lang="en-GB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6531496"/>
            <a:ext cx="687387" cy="180000"/>
          </a:xfrm>
        </p:spPr>
        <p:txBody>
          <a:bodyPr/>
          <a:lstStyle>
            <a:lvl1pPr>
              <a:defRPr sz="800"/>
            </a:lvl1pPr>
          </a:lstStyle>
          <a:p>
            <a:fld id="{667EC89C-17A0-4E64-A6D2-B825673CEEDF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001" y="1989139"/>
            <a:ext cx="10136615" cy="3498850"/>
          </a:xfrm>
        </p:spPr>
        <p:txBody>
          <a:bodyPr/>
          <a:lstStyle>
            <a:lvl1pPr marL="269993" indent="-269993">
              <a:defRPr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en-GB" dirty="0" err="1"/>
              <a:t>Brødtekst</a:t>
            </a:r>
            <a:r>
              <a:rPr lang="en-GB" dirty="0"/>
              <a:t> 22pt </a:t>
            </a:r>
            <a:r>
              <a:rPr lang="en-GB" dirty="0" err="1"/>
              <a:t>skrives</a:t>
            </a:r>
            <a:r>
              <a:rPr lang="en-GB" dirty="0"/>
              <a:t> her</a:t>
            </a:r>
          </a:p>
          <a:p>
            <a:pPr lvl="1"/>
            <a:r>
              <a:rPr lang="en-GB" dirty="0" err="1"/>
              <a:t>Andet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2"/>
            <a:r>
              <a:rPr lang="en-GB" dirty="0" err="1"/>
              <a:t>Tredj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3"/>
            <a:r>
              <a:rPr lang="en-GB" dirty="0" err="1"/>
              <a:t>Fjerde</a:t>
            </a:r>
            <a:r>
              <a:rPr lang="en-GB" dirty="0"/>
              <a:t> </a:t>
            </a:r>
            <a:r>
              <a:rPr lang="en-GB" dirty="0" err="1"/>
              <a:t>niveau</a:t>
            </a:r>
            <a:r>
              <a:rPr lang="en-GB" dirty="0"/>
              <a:t> </a:t>
            </a:r>
          </a:p>
          <a:p>
            <a:pPr lvl="4"/>
            <a:r>
              <a:rPr lang="en-GB" dirty="0" err="1"/>
              <a:t>Femte</a:t>
            </a:r>
            <a:r>
              <a:rPr lang="en-GB" dirty="0"/>
              <a:t> </a:t>
            </a:r>
            <a:r>
              <a:rPr lang="en-GB" dirty="0" err="1"/>
              <a:t>niveau</a:t>
            </a:r>
            <a:endParaRPr lang="en-GB" dirty="0"/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7" name="text" descr="{&quot;templafy&quot;:{&quot;id&quot;:&quot;493a4807-c965-486e-a748-8c2c34bd7e1a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9" name="text" descr="{&quot;templafy&quot;:{&quot;id&quot;:&quot;defd15b2-1b13-4b6c-a61d-45ce71362740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en-GB" sz="1000" dirty="0">
              <a:solidFill>
                <a:schemeClr val="bg1"/>
              </a:solidFill>
            </a:endParaRPr>
          </a:p>
        </p:txBody>
      </p:sp>
      <p:pic>
        <p:nvPicPr>
          <p:cNvPr id="783256847" name="image" descr="{&quot;templafy&quot;:{&quot;id&quot;:&quot;c8391e25-fef2-47d3-be87-c6db911b169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08971379" name="image" descr="{&quot;templafy&quot;:{&quot;id&quot;:&quot;f395f856-69e6-4d20-ae21-8075c8048d2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28725876" name="image" descr="{&quot;templafy&quot;:{&quot;id&quot;:&quot;7551099c-2245-4761-8e9f-047505f709e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6105286a-9ada-431f-9561-bb0d5be57872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379261" y="6525000"/>
            <a:ext cx="7372923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a-DK" sz="800" noProof="0" dirty="0">
                <a:solidFill>
                  <a:schemeClr val="bg1"/>
                </a:solidFill>
              </a:rPr>
              <a:t>Signe</a:t>
            </a:r>
            <a:r>
              <a:rPr lang="da-DK" sz="800" dirty="0">
                <a:solidFill>
                  <a:schemeClr val="bg1"/>
                </a:solidFill>
              </a:rPr>
              <a:t> Korsgaard Skriver.          DBCG </a:t>
            </a:r>
            <a:r>
              <a:rPr lang="da-DK" sz="800" noProof="0" dirty="0">
                <a:solidFill>
                  <a:schemeClr val="bg1"/>
                </a:solidFill>
              </a:rPr>
              <a:t>repræsentantskabsmøde</a:t>
            </a:r>
            <a:r>
              <a:rPr lang="da-DK" sz="800" dirty="0">
                <a:solidFill>
                  <a:schemeClr val="bg1"/>
                </a:solidFill>
              </a:rPr>
              <a:t> 18. januar 2021 </a:t>
            </a:r>
          </a:p>
        </p:txBody>
      </p:sp>
      <p:sp>
        <p:nvSpPr>
          <p:cNvPr id="23" name="text" descr="{&quot;templafy&quot;:{&quot;id&quot;:&quot;e15f287f-35ad-4e69-bb00-ef99f95d5c40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6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9" y="4985496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90" y="871204"/>
            <a:ext cx="4924425" cy="3988723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10e6ed73-763f-40f4-8492-8df6f1113b24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f7f3dc83-8c0d-421d-9c9f-061bbaed6f15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2fef96e6-4e16-4930-bff5-1af3e405ea2c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0c129043-3da6-4c73-95c3-4378cdeff8be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99914894" name="image" descr="{&quot;templafy&quot;:{&quot;id&quot;:&quot;5c34b734-ca58-4cf7-ae3a-ebe97b8cbb1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44667341" name="image" descr="{&quot;templafy&quot;:{&quot;id&quot;:&quot;d65007c0-9852-4876-b084-a7cabd3a806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351472175" name="image" descr="{&quot;templafy&quot;:{&quot;id&quot;:&quot;6d323c9f-efc9-4941-9f9c-57a8be358b8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15637462" name="image" descr="{&quot;templafy&quot;:{&quot;id&quot;:&quot;87813e3c-0adf-47f6-a845-13adf5c8d2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34847830" name="image" descr="{&quot;templafy&quot;:{&quot;id&quot;:&quot;d0a9197d-1fb6-47fb-abbf-2a74571a5c6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74501144" name="image" descr="{&quot;templafy&quot;:{&quot;id&quot;:&quot;7ad2b810-08b6-4635-aef6-6a70e533ef71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06c6d2eb-8314-446f-9520-102f25d7a793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9" name="text" descr="{&quot;templafy&quot;:{&quot;id&quot;:&quot;523e293b-f20f-4bf9-ab39-25f1d1ef7d65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290783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b95df2bb-95cd-4e11-b836-dda64bb2d875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a0abc263-d5d3-4394-82a6-c7593dd6ec74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e940e6a9-1b31-486d-a530-7237a4efa46d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7eaf7f34-f874-4365-9164-9d5057e8afa2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45238082" name="image" descr="{&quot;templafy&quot;:{&quot;id&quot;:&quot;15921dba-8ceb-4dcd-a2ec-dec49a98fa0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42761628" name="image" descr="{&quot;templafy&quot;:{&quot;id&quot;:&quot;0795b564-9520-4895-9e2c-6a50f756ab1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847212289" name="image" descr="{&quot;templafy&quot;:{&quot;id&quot;:&quot;dd81a2c0-b399-4a5a-9a2b-b8b6658f62e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66023369" name="image" descr="{&quot;templafy&quot;:{&quot;id&quot;:&quot;cb853859-00bb-40b2-9a25-3db5f54ba01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56646042" name="image" descr="{&quot;templafy&quot;:{&quot;id&quot;:&quot;1bed0aa6-eea6-4354-8178-6b31174212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40505226" name="image" descr="{&quot;templafy&quot;:{&quot;id&quot;:&quot;76aafc83-053d-4e48-b99f-1409c377aec9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3d62c9e3-0943-44fc-93f4-ebd935ea3447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5b109b4b-2825-4049-8952-1a1f0884559d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568919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2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8000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8429d9e7-f8ab-4594-876a-d05047153ce8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21593e91-050b-4db2-a41b-b0ee5b0bb8f4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378f5bc0-ec3e-40c7-aed1-0a972c411b56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80f967b-3c25-467d-b415-677c3ce6a7a2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94918990" name="image" descr="{&quot;templafy&quot;:{&quot;id&quot;:&quot;643853c9-9fa4-415a-800b-953c52b24db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7567675" name="image" descr="{&quot;templafy&quot;:{&quot;id&quot;:&quot;f8af76fa-3f74-41e8-8849-2a58b909a3e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028652923" name="image" descr="{&quot;templafy&quot;:{&quot;id&quot;:&quot;972d7002-1712-4400-b70c-2354a2db77d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85296910" name="image" descr="{&quot;templafy&quot;:{&quot;id&quot;:&quot;8859ea4f-b838-415c-a8f7-9a20bc41c81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57456264" name="image" descr="{&quot;templafy&quot;:{&quot;id&quot;:&quot;dfda3476-3c2a-44a1-9efe-ad585b17488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78789297" name="image" descr="{&quot;templafy&quot;:{&quot;id&quot;:&quot;a55eade7-2540-4c9e-a207-305965d00e2a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72b2f1d0-d40d-46ce-bbc3-1ca7cf038cee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9cb07f5-86a3-488b-834c-66d18a014de0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57072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9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50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b9a953bd-6a49-45b6-8cfb-8dbc9e1d803a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text" descr="{&quot;templafy&quot;:{&quot;id&quot;:&quot;569587ed-93d6-4a57-813d-182263afb341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1af2daa3-ed5d-43e9-bd8e-0c07cb3f9d6d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8" name="text" descr="{&quot;templafy&quot;:{&quot;id&quot;:&quot;1dc7025b-568f-44ed-b563-54ef30deb475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70440407" name="image" descr="{&quot;templafy&quot;:{&quot;id&quot;:&quot;fed94988-bc7e-4b0a-8714-68f8ef9eed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46962538" name="image" descr="{&quot;templafy&quot;:{&quot;id&quot;:&quot;ccb4103d-c96c-4375-acba-0672342aba3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109014869" name="image" descr="{&quot;templafy&quot;:{&quot;id&quot;:&quot;74f0694d-2fca-42dd-97d7-9ea35c95dd9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12750045" name="image" descr="{&quot;templafy&quot;:{&quot;id&quot;:&quot;6f3e3510-7be4-4dcd-ab1d-14ad8496b03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22697075" name="image" descr="{&quot;templafy&quot;:{&quot;id&quot;:&quot;fe552e0a-7767-4766-9366-065ac381229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2846734" name="image" descr="{&quot;templafy&quot;:{&quot;id&quot;:&quot;a3071101-c2aa-4ccf-88cd-1f6f4b75206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74c7b960-87c1-4ab1-877a-0a6628b0c44b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1" name="text" descr="{&quot;templafy&quot;:{&quot;id&quot;:&quot;88dcd220-325c-4a9b-b398-88cf65fa1dbd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248019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317913542" name="image" descr="{&quot;templafy&quot;:{&quot;id&quot;:&quot;ab4f3291-9a86-4028-b70f-697f987f29f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37600"/>
            <a:ext cx="684000" cy="4820400"/>
          </a:xfrm>
          <a:prstGeom prst="rect">
            <a:avLst/>
          </a:prstGeom>
        </p:spPr>
      </p:pic>
      <p:pic>
        <p:nvPicPr>
          <p:cNvPr id="1739234620" name="image" descr="{&quot;templafy&quot;:{&quot;id&quot;:&quot;ce223e13-5116-442e-9625-128022e785e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328867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896425655" name="image" descr="{&quot;templafy&quot;:{&quot;id&quot;:&quot;c7bf01c3-9b44-497d-9946-fe8eed665c8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450f100c-2dd6-4192-b954-88e9c6dbb9bd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igshospitalet</a:t>
            </a:r>
          </a:p>
        </p:txBody>
      </p:sp>
      <p:sp>
        <p:nvSpPr>
          <p:cNvPr id="17" name="text" descr="{&quot;templafy&quot;:{&quot;id&quot;:&quot;af48fec4-5300-4e51-8191-c09562c30b53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1c231d4a-c924-43ac-ba82-002a061e86b3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22" name="text" descr="{&quot;templafy&quot;:{&quot;id&quot;:&quot;c800418b-fcaa-4ecb-a53e-d55d476836b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475048971" name="image" descr="{&quot;templafy&quot;:{&quot;id&quot;:&quot;fd71fba1-0a2d-4948-a7fd-9ca9d84f25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95532450" name="image" descr="{&quot;templafy&quot;:{&quot;id&quot;:&quot;1e8089cd-acaa-4cfa-9aec-2adf17b942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06079943" name="image" descr="{&quot;templafy&quot;:{&quot;id&quot;:&quot;4c01cc17-1d32-4d2b-9d8e-7e8c8980db1c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9" name="text" descr="{&quot;templafy&quot;:{&quot;id&quot;:&quot;edc714f1-06e5-4bda-b8bf-c4813baf9137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2f91267b-765e-4c96-b312-fba705bec98f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461236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38684405" name="image" descr="{&quot;templafy&quot;:{&quot;id&quot;:&quot;209facd7-4086-41dc-ba59-8461d8ede37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4189924" name="image" descr="{&quot;templafy&quot;:{&quot;id&quot;:&quot;b5463f2a-65ea-41e4-bd4d-718052cd8b4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8f87b274-7dcb-4643-ac99-d8da082c1531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2" name="text" descr="{&quot;templafy&quot;:{&quot;id&quot;:&quot;fabd47f2-5143-42bb-abea-f84f6bad6cdb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958ffc60-576e-4970-90b7-ba5d00ee60d4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e9036a51-79c3-4f19-bd74-5a9b68829819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991933719" name="image" descr="{&quot;templafy&quot;:{&quot;id&quot;:&quot;31653f5c-fe08-4e08-92fe-e506da36edb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96291483" name="image" descr="{&quot;templafy&quot;:{&quot;id&quot;:&quot;8b1d662e-aed2-41dc-be4d-e1329752f7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92312387" name="image" descr="{&quot;templafy&quot;:{&quot;id&quot;:&quot;af081626-b4bd-4ee9-b3bf-0985de3477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670911779" name="image" descr="{&quot;templafy&quot;:{&quot;id&quot;:&quot;5a3b6141-ad9e-4e77-8de6-b0ae6c67ac8d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88a9a247-5d37-4f4f-a7dd-0fdfe3bea7b3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18" name="text" descr="{&quot;templafy&quot;:{&quot;id&quot;:&quot;d6e4f85a-201f-430c-ade0-e27f55c1c329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450644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3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998434713" name="image" descr="{&quot;templafy&quot;:{&quot;id&quot;:&quot;0a9eebfa-1317-4fd4-96b8-01287f39729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1016737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2054035095" name="image" descr="{&quot;templafy&quot;:{&quot;id&quot;:&quot;95c74bdf-da06-4adb-b091-bc532f73064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7200" y="50400"/>
            <a:ext cx="4176000" cy="619200"/>
          </a:xfrm>
          <a:prstGeom prst="rect">
            <a:avLst/>
          </a:prstGeom>
        </p:spPr>
      </p:pic>
      <p:pic>
        <p:nvPicPr>
          <p:cNvPr id="88871255" name="image" descr="{&quot;templafy&quot;:{&quot;id&quot;:&quot;e48473ed-38ff-45f7-8bc5-a1f1e43f4fe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48511101" name="image" descr="{&quot;templafy&quot;:{&quot;id&quot;:&quot;0dc9c24b-b61b-422e-b54b-2e79dffaca4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40e9e813-0dc1-4d00-afa2-7330d8943f87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27" name="text" descr="{&quot;templafy&quot;:{&quot;id&quot;:&quot;43974b70-e8fd-4478-8868-beb03850928e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1b72bc2c-0943-4f62-9d12-c39bf574073b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re for Cancer and Organ Diseases</a:t>
            </a:r>
          </a:p>
        </p:txBody>
      </p:sp>
      <p:sp>
        <p:nvSpPr>
          <p:cNvPr id="36" name="text" descr="{&quot;templafy&quot;:{&quot;id&quot;:&quot;1b0a39da-c6e9-4b38-8bba-d6d7f6d8ca1f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42357081" name="image" descr="{&quot;templafy&quot;:{&quot;id&quot;:&quot;74f14476-f0dd-4e25-b069-f411fcc7d88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10739381" name="image" descr="{&quot;templafy&quot;:{&quot;id&quot;:&quot;f7ca028a-04c3-4739-b01c-586a6cb8c8d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271b0150-da17-4ce2-880b-e15f87b806b2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88293a8b-b347-4d03-bb9d-81c2f569a570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130526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23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5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4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3" y="1479523"/>
            <a:ext cx="2160799" cy="4355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9" y="3341699"/>
            <a:ext cx="740399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91" y="4380698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5" y="1479520"/>
            <a:ext cx="2566255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5" y="2019313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527805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3" y="2038158"/>
            <a:ext cx="12191423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2040928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1940211658" name="image" descr="{&quot;templafy&quot;:{&quot;id&quot;:&quot;4f6d7a3a-6ff5-4cba-8781-315995ac799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40" y="2720891"/>
            <a:ext cx="9435659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42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965291798" name="image" descr="{&quot;templafy&quot;:{&quot;id&quot;:&quot;d103dbc8-1504-48e5-ad7d-a9a5734d0d1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pic>
        <p:nvPicPr>
          <p:cNvPr id="1959880576" name="image" descr="{&quot;templafy&quot;:{&quot;id&quot;:&quot;aa163bca-9b13-4e6b-b406-41b2fda685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218449142" name="image" descr="{&quot;templafy&quot;:{&quot;id&quot;:&quot;7b245db4-ec50-4c43-958e-a724d024e58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1423" y="-3960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e7bd7818-1367-4587-ae3f-ea26f7458af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998e094-2aa3-42a1-8050-32814483e60a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18605944" name="image" descr="{&quot;templafy&quot;:{&quot;id&quot;:&quot;f10dcb77-57a2-4595-9461-2eefbd5198c7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76771882" name="image" descr="{&quot;templafy&quot;:{&quot;id&quot;:&quot;6caea015-5da1-4a6f-a87f-5f09f5e22c17&quot;}}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pic>
        <p:nvPicPr>
          <p:cNvPr id="1604492147" name="image" descr="{&quot;templafy&quot;:{&quot;id&quot;:&quot;a0025391-b65d-4faf-b72c-ce11a3df45b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43895997" name="image" descr="{&quot;templafy&quot;:{&quot;id&quot;:&quot;9310d181-6ae2-41fd-b6cf-8de6b51b838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5223594d-d984-48ba-809b-415825978208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29" name="text" descr="{&quot;templafy&quot;:{&quot;id&quot;:&quot;c34417fe-27ef-4d11-ad0a-3c888790543b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72da5114-dec7-4f41-b5b9-9a7d2ec90eee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31" name="text" descr="{&quot;templafy&quot;:{&quot;id&quot;:&quot;33c2f40c-82ed-40d2-b7e4-a93edbb8b4a6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970214FA-9CA7-4673-A055-CE2E4B30E4E0}"/>
              </a:ext>
            </a:extLst>
          </p:cNvPr>
          <p:cNvSpPr/>
          <p:nvPr userDrawn="1"/>
        </p:nvSpPr>
        <p:spPr>
          <a:xfrm>
            <a:off x="683571" y="6174000"/>
            <a:ext cx="10824863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7" name="Rektangel 26">
            <a:extLst>
              <a:ext uri="{FF2B5EF4-FFF2-40B4-BE49-F238E27FC236}">
                <a16:creationId xmlns:a16="http://schemas.microsoft.com/office/drawing/2014/main" id="{8DDC7F0C-4C87-48AA-8578-2C0EB73A79CE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132516321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396044"/>
          </a:xfrm>
        </p:spPr>
        <p:txBody>
          <a:bodyPr/>
          <a:lstStyle>
            <a:lvl1pPr>
              <a:defRPr b="0"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6531496"/>
            <a:ext cx="687387" cy="180000"/>
          </a:xfrm>
        </p:spPr>
        <p:txBody>
          <a:bodyPr/>
          <a:lstStyle>
            <a:lvl1pPr>
              <a:defRPr sz="800"/>
            </a:lvl1pPr>
          </a:lstStyle>
          <a:p>
            <a:fld id="{667EC89C-17A0-4E64-A6D2-B825673CEEDF}" type="slidenum">
              <a:rPr lang="en-US" smtClean="0"/>
              <a:pPr/>
              <a:t>‹nr.›</a:t>
            </a:fld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001" y="1989139"/>
            <a:ext cx="10136615" cy="3498850"/>
          </a:xfrm>
        </p:spPr>
        <p:txBody>
          <a:bodyPr/>
          <a:lstStyle>
            <a:lvl1pPr marL="269993" indent="-269993">
              <a:defRPr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text" descr="{&quot;templafy&quot;:{&quot;id&quot;:&quot;493a4807-c965-486e-a748-8c2c34bd7e1a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9" name="text" descr="{&quot;templafy&quot;:{&quot;id&quot;:&quot;defd15b2-1b13-4b6c-a61d-45ce71362740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83256847" name="image" descr="{&quot;templafy&quot;:{&quot;id&quot;:&quot;c8391e25-fef2-47d3-be87-c6db911b169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08971379" name="image" descr="{&quot;templafy&quot;:{&quot;id&quot;:&quot;f395f856-69e6-4d20-ae21-8075c8048d2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28725876" name="image" descr="{&quot;templafy&quot;:{&quot;id&quot;:&quot;7551099c-2245-4761-8e9f-047505f709e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6105286a-9ada-431f-9561-bb0d5be57872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-2112912" y="6519991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8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3" name="text" descr="{&quot;templafy&quot;:{&quot;id&quot;:&quot;e15f287f-35ad-4e69-bb00-ef99f95d5c40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45650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40" y="1989139"/>
            <a:ext cx="4924425" cy="3498850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33af5a29-54e7-4392-9e37-dfbebabeeea2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1" name="text" descr="{&quot;templafy&quot;:{&quot;id&quot;:&quot;0081f496-cc45-4190-916a-40dc37d34fca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3e9da2d2-bd81-4f1b-a064-ff907ab4c115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71ef1f6f-0a55-4595-8434-1b99878fb822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29980033" name="image" descr="{&quot;templafy&quot;:{&quot;id&quot;:&quot;61dc7cdc-93c1-448f-b9b0-f4c91a8fb67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40096787" name="image" descr="{&quot;templafy&quot;:{&quot;id&quot;:&quot;db682fe4-0611-4662-b5cf-3f8f1e2ca0c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01266979" name="image" descr="{&quot;templafy&quot;:{&quot;id&quot;:&quot;aba36236-9223-40d4-90b2-64a606b7ec0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526647823" name="image" descr="{&quot;templafy&quot;:{&quot;id&quot;:&quot;118a35f7-35c4-4720-9ef0-667e3a47f3b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e95e961b-db66-4490-8b17-ce8cf13484d5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2324ee5-7c05-4e2b-9c31-41bd90dff493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40" y="1989139"/>
            <a:ext cx="4924425" cy="3498850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33af5a29-54e7-4392-9e37-dfbebabeeea2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1" name="text" descr="{&quot;templafy&quot;:{&quot;id&quot;:&quot;0081f496-cc45-4190-916a-40dc37d34fca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3e9da2d2-bd81-4f1b-a064-ff907ab4c115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71ef1f6f-0a55-4595-8434-1b99878fb822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29980033" name="image" descr="{&quot;templafy&quot;:{&quot;id&quot;:&quot;61dc7cdc-93c1-448f-b9b0-f4c91a8fb67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40096787" name="image" descr="{&quot;templafy&quot;:{&quot;id&quot;:&quot;db682fe4-0611-4662-b5cf-3f8f1e2ca0c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01266979" name="image" descr="{&quot;templafy&quot;:{&quot;id&quot;:&quot;aba36236-9223-40d4-90b2-64a606b7ec0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526647823" name="image" descr="{&quot;templafy&quot;:{&quot;id&quot;:&quot;118a35f7-35c4-4720-9ef0-667e3a47f3b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e95e961b-db66-4490-8b17-ce8cf13484d5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2324ee5-7c05-4e2b-9c31-41bd90dff493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990848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1" y="4838167"/>
            <a:ext cx="1013661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1" y="871204"/>
            <a:ext cx="10136615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dbc302ff-2ba8-44c2-b8a0-86421221869d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53e36f68-5908-43ac-986c-bb8dfe0267c6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4a319d98-15f7-4e71-9f8a-571fe05f3d8d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d73213c8-bb61-4b9e-a2cb-e6f4188242a6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52625658" name="image" descr="{&quot;templafy&quot;:{&quot;id&quot;:&quot;3f4387ad-df93-4cb6-a6fd-72596681f7b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632138" name="image" descr="{&quot;templafy&quot;:{&quot;id&quot;:&quot;06e7d381-6fb7-4b4d-9db3-21356f7e8f7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87179031" name="image" descr="{&quot;templafy&quot;:{&quot;id&quot;:&quot;aefe98fa-c435-41f6-903c-b588b9981e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08538968" name="image" descr="{&quot;templafy&quot;:{&quot;id&quot;:&quot;6d4132f3-4487-4275-adf1-aef8c874fbb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14250894" name="image" descr="{&quot;templafy&quot;:{&quot;id&quot;:&quot;0f979aca-9188-4398-b5c8-cfee7d84ed3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96961700" name="image" descr="{&quot;templafy&quot;:{&quot;id&quot;:&quot;74b2e1d6-9b3c-4f40-998b-0da9d39303a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4b4b636-4018-462e-a743-9f5a5f96b80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4896afed-3903-4636-a25e-58ea80269f39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6986306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50" y="4838167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001" y="871204"/>
            <a:ext cx="10136615" cy="3831675"/>
          </a:xfrm>
        </p:spPr>
        <p:txBody>
          <a:bodyPr/>
          <a:lstStyle>
            <a:lvl1pPr marL="269993" indent="-269993">
              <a:defRPr baseline="0"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4595c7b1-f312-4d29-958f-f51aea285e79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9" name="text" descr="{&quot;templafy&quot;:{&quot;id&quot;:&quot;47d32271-b005-4d2c-aaef-fbfc18277d87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bfb7b415-8762-4d74-9596-1e7f6eeef6de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76078c2-f7bc-477d-a7d2-6df566c7f2f3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91313057" name="image" descr="{&quot;templafy&quot;:{&quot;id&quot;:&quot;b4122156-c8fe-4924-a311-ffeaecd3a21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2561909" name="image" descr="{&quot;templafy&quot;:{&quot;id&quot;:&quot;53fc1c55-56cc-40a1-a98e-5a885105aca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659199" name="image" descr="{&quot;templafy&quot;:{&quot;id&quot;:&quot;1949a893-e75f-4283-b479-5a75762aa2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5872379" name="image" descr="{&quot;templafy&quot;:{&quot;id&quot;:&quot;81b9dd8f-57ab-4bad-bbd5-54292077cc4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42748174" name="image" descr="{&quot;templafy&quot;:{&quot;id&quot;:&quot;cf10c756-e31e-48ce-a33c-5dc54d482eb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163534692" name="image" descr="{&quot;templafy&quot;:{&quot;id&quot;:&quot;a3a3aad8-fee7-4681-8b83-5c83fa3fc8d8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9ee124c-aa7a-46a1-8577-11ab30c9eb2e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1ba52423-62b4-4f32-a66b-2df446f7ee3d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3099021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6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9" y="4985496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90" y="871204"/>
            <a:ext cx="4924425" cy="3988723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10e6ed73-763f-40f4-8492-8df6f1113b24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f7f3dc83-8c0d-421d-9c9f-061bbaed6f15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2fef96e6-4e16-4930-bff5-1af3e405ea2c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0c129043-3da6-4c73-95c3-4378cdeff8be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99914894" name="image" descr="{&quot;templafy&quot;:{&quot;id&quot;:&quot;5c34b734-ca58-4cf7-ae3a-ebe97b8cbb1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44667341" name="image" descr="{&quot;templafy&quot;:{&quot;id&quot;:&quot;d65007c0-9852-4876-b084-a7cabd3a806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351472175" name="image" descr="{&quot;templafy&quot;:{&quot;id&quot;:&quot;6d323c9f-efc9-4941-9f9c-57a8be358b8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15637462" name="image" descr="{&quot;templafy&quot;:{&quot;id&quot;:&quot;87813e3c-0adf-47f6-a845-13adf5c8d2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34847830" name="image" descr="{&quot;templafy&quot;:{&quot;id&quot;:&quot;d0a9197d-1fb6-47fb-abbf-2a74571a5c6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74501144" name="image" descr="{&quot;templafy&quot;:{&quot;id&quot;:&quot;7ad2b810-08b6-4635-aef6-6a70e533ef71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06c6d2eb-8314-446f-9520-102f25d7a793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9" name="text" descr="{&quot;templafy&quot;:{&quot;id&quot;:&quot;523e293b-f20f-4bf9-ab39-25f1d1ef7d65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290206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b95df2bb-95cd-4e11-b836-dda64bb2d875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a0abc263-d5d3-4394-82a6-c7593dd6ec74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e940e6a9-1b31-486d-a530-7237a4efa46d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7eaf7f34-f874-4365-9164-9d5057e8afa2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45238082" name="image" descr="{&quot;templafy&quot;:{&quot;id&quot;:&quot;15921dba-8ceb-4dcd-a2ec-dec49a98fa0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42761628" name="image" descr="{&quot;templafy&quot;:{&quot;id&quot;:&quot;0795b564-9520-4895-9e2c-6a50f756ab1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847212289" name="image" descr="{&quot;templafy&quot;:{&quot;id&quot;:&quot;dd81a2c0-b399-4a5a-9a2b-b8b6658f62e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66023369" name="image" descr="{&quot;templafy&quot;:{&quot;id&quot;:&quot;cb853859-00bb-40b2-9a25-3db5f54ba01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56646042" name="image" descr="{&quot;templafy&quot;:{&quot;id&quot;:&quot;1bed0aa6-eea6-4354-8178-6b31174212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40505226" name="image" descr="{&quot;templafy&quot;:{&quot;id&quot;:&quot;76aafc83-053d-4e48-b99f-1409c377aec9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3d62c9e3-0943-44fc-93f4-ebd935ea3447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5b109b4b-2825-4049-8952-1a1f0884559d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792864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2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8000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8429d9e7-f8ab-4594-876a-d05047153ce8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21593e91-050b-4db2-a41b-b0ee5b0bb8f4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378f5bc0-ec3e-40c7-aed1-0a972c411b56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80f967b-3c25-467d-b415-677c3ce6a7a2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94918990" name="image" descr="{&quot;templafy&quot;:{&quot;id&quot;:&quot;643853c9-9fa4-415a-800b-953c52b24db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7567675" name="image" descr="{&quot;templafy&quot;:{&quot;id&quot;:&quot;f8af76fa-3f74-41e8-8849-2a58b909a3e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028652923" name="image" descr="{&quot;templafy&quot;:{&quot;id&quot;:&quot;972d7002-1712-4400-b70c-2354a2db77d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85296910" name="image" descr="{&quot;templafy&quot;:{&quot;id&quot;:&quot;8859ea4f-b838-415c-a8f7-9a20bc41c81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57456264" name="image" descr="{&quot;templafy&quot;:{&quot;id&quot;:&quot;dfda3476-3c2a-44a1-9efe-ad585b17488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78789297" name="image" descr="{&quot;templafy&quot;:{&quot;id&quot;:&quot;a55eade7-2540-4c9e-a207-305965d00e2a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72b2f1d0-d40d-46ce-bbc3-1ca7cf038cee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9cb07f5-86a3-488b-834c-66d18a014de0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154452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9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50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b9a953bd-6a49-45b6-8cfb-8dbc9e1d803a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text" descr="{&quot;templafy&quot;:{&quot;id&quot;:&quot;569587ed-93d6-4a57-813d-182263afb341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1af2daa3-ed5d-43e9-bd8e-0c07cb3f9d6d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8" name="text" descr="{&quot;templafy&quot;:{&quot;id&quot;:&quot;1dc7025b-568f-44ed-b563-54ef30deb475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70440407" name="image" descr="{&quot;templafy&quot;:{&quot;id&quot;:&quot;fed94988-bc7e-4b0a-8714-68f8ef9eed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46962538" name="image" descr="{&quot;templafy&quot;:{&quot;id&quot;:&quot;ccb4103d-c96c-4375-acba-0672342aba3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109014869" name="image" descr="{&quot;templafy&quot;:{&quot;id&quot;:&quot;74f0694d-2fca-42dd-97d7-9ea35c95dd9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12750045" name="image" descr="{&quot;templafy&quot;:{&quot;id&quot;:&quot;6f3e3510-7be4-4dcd-ab1d-14ad8496b03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22697075" name="image" descr="{&quot;templafy&quot;:{&quot;id&quot;:&quot;fe552e0a-7767-4766-9366-065ac381229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2846734" name="image" descr="{&quot;templafy&quot;:{&quot;id&quot;:&quot;a3071101-c2aa-4ccf-88cd-1f6f4b75206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74c7b960-87c1-4ab1-877a-0a6628b0c44b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1" name="text" descr="{&quot;templafy&quot;:{&quot;id&quot;:&quot;88dcd220-325c-4a9b-b398-88cf65fa1dbd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9299700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3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317913542" name="image" descr="{&quot;templafy&quot;:{&quot;id&quot;:&quot;ab4f3291-9a86-4028-b70f-697f987f29f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37600"/>
            <a:ext cx="684000" cy="4820400"/>
          </a:xfrm>
          <a:prstGeom prst="rect">
            <a:avLst/>
          </a:prstGeom>
        </p:spPr>
      </p:pic>
      <p:pic>
        <p:nvPicPr>
          <p:cNvPr id="1739234620" name="image" descr="{&quot;templafy&quot;:{&quot;id&quot;:&quot;ce223e13-5116-442e-9625-128022e785e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1629407"/>
            <a:ext cx="116417" cy="594784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328867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896425655" name="image" descr="{&quot;templafy&quot;:{&quot;id&quot;:&quot;c7bf01c3-9b44-497d-9946-fe8eed665c8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450f100c-2dd6-4192-b954-88e9c6dbb9bd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igshospitalet</a:t>
            </a:r>
          </a:p>
        </p:txBody>
      </p:sp>
      <p:sp>
        <p:nvSpPr>
          <p:cNvPr id="17" name="text" descr="{&quot;templafy&quot;:{&quot;id&quot;:&quot;af48fec4-5300-4e51-8191-c09562c30b53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1c231d4a-c924-43ac-ba82-002a061e86b3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22" name="text" descr="{&quot;templafy&quot;:{&quot;id&quot;:&quot;c800418b-fcaa-4ecb-a53e-d55d476836b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475048971" name="image" descr="{&quot;templafy&quot;:{&quot;id&quot;:&quot;fd71fba1-0a2d-4948-a7fd-9ca9d84f25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95532450" name="image" descr="{&quot;templafy&quot;:{&quot;id&quot;:&quot;1e8089cd-acaa-4cfa-9aec-2adf17b942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06079943" name="image" descr="{&quot;templafy&quot;:{&quot;id&quot;:&quot;4c01cc17-1d32-4d2b-9d8e-7e8c8980db1c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9" name="text" descr="{&quot;templafy&quot;:{&quot;id&quot;:&quot;edc714f1-06e5-4bda-b8bf-c4813baf9137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2f91267b-765e-4c96-b312-fba705bec98f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4329033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38684405" name="image" descr="{&quot;templafy&quot;:{&quot;id&quot;:&quot;209facd7-4086-41dc-ba59-8461d8ede37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4189924" name="image" descr="{&quot;templafy&quot;:{&quot;id&quot;:&quot;b5463f2a-65ea-41e4-bd4d-718052cd8b4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8f87b274-7dcb-4643-ac99-d8da082c1531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2" name="text" descr="{&quot;templafy&quot;:{&quot;id&quot;:&quot;fabd47f2-5143-42bb-abea-f84f6bad6cdb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958ffc60-576e-4970-90b7-ba5d00ee60d4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e9036a51-79c3-4f19-bd74-5a9b68829819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991933719" name="image" descr="{&quot;templafy&quot;:{&quot;id&quot;:&quot;31653f5c-fe08-4e08-92fe-e506da36edb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96291483" name="image" descr="{&quot;templafy&quot;:{&quot;id&quot;:&quot;8b1d662e-aed2-41dc-be4d-e1329752f7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92312387" name="image" descr="{&quot;templafy&quot;:{&quot;id&quot;:&quot;af081626-b4bd-4ee9-b3bf-0985de3477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670911779" name="image" descr="{&quot;templafy&quot;:{&quot;id&quot;:&quot;5a3b6141-ad9e-4e77-8de6-b0ae6c67ac8d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88a9a247-5d37-4f4f-a7dd-0fdfe3bea7b3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18" name="text" descr="{&quot;templafy&quot;:{&quot;id&quot;:&quot;d6e4f85a-201f-430c-ade0-e27f55c1c329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343283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3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pic>
        <p:nvPicPr>
          <p:cNvPr id="998434713" name="image" descr="{&quot;templafy&quot;:{&quot;id&quot;:&quot;0a9eebfa-1317-4fd4-96b8-01287f39729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1016737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3992">
              <a:defRPr sz="1600">
                <a:solidFill>
                  <a:schemeClr val="bg1"/>
                </a:solidFill>
              </a:defRPr>
            </a:lvl3pPr>
            <a:lvl4pPr marL="539987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2054035095" name="image" descr="{&quot;templafy&quot;:{&quot;id&quot;:&quot;95c74bdf-da06-4adb-b091-bc532f73064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17200" y="50400"/>
            <a:ext cx="4176000" cy="619200"/>
          </a:xfrm>
          <a:prstGeom prst="rect">
            <a:avLst/>
          </a:prstGeom>
        </p:spPr>
      </p:pic>
      <p:pic>
        <p:nvPicPr>
          <p:cNvPr id="88871255" name="image" descr="{&quot;templafy&quot;:{&quot;id&quot;:&quot;e48473ed-38ff-45f7-8bc5-a1f1e43f4fe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48511101" name="image" descr="{&quot;templafy&quot;:{&quot;id&quot;:&quot;0dc9c24b-b61b-422e-b54b-2e79dffaca4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40e9e813-0dc1-4d00-afa2-7330d8943f87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27" name="text" descr="{&quot;templafy&quot;:{&quot;id&quot;:&quot;43974b70-e8fd-4478-8868-beb03850928e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1b72bc2c-0943-4f62-9d12-c39bf574073b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re for Cancer and Organ Diseases</a:t>
            </a:r>
          </a:p>
        </p:txBody>
      </p:sp>
      <p:sp>
        <p:nvSpPr>
          <p:cNvPr id="36" name="text" descr="{&quot;templafy&quot;:{&quot;id&quot;:&quot;1b0a39da-c6e9-4b38-8bba-d6d7f6d8ca1f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42357081" name="image" descr="{&quot;templafy&quot;:{&quot;id&quot;:&quot;74f14476-f0dd-4e25-b069-f411fcc7d88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10739381" name="image" descr="{&quot;templafy&quot;:{&quot;id&quot;:&quot;f7ca028a-04c3-4739-b01c-586a6cb8c8d2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271b0150-da17-4ce2-880b-e15f87b806b2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30" name="text" descr="{&quot;templafy&quot;:{&quot;id&quot;:&quot;88293a8b-b347-4d03-bb9d-81c2f569a570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199824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1" y="4838167"/>
            <a:ext cx="1013661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1" y="871204"/>
            <a:ext cx="10136615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dbc302ff-2ba8-44c2-b8a0-86421221869d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53e36f68-5908-43ac-986c-bb8dfe0267c6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4a319d98-15f7-4e71-9f8a-571fe05f3d8d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3" name="text" descr="{&quot;templafy&quot;:{&quot;id&quot;:&quot;d73213c8-bb61-4b9e-a2cb-e6f4188242a6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52625658" name="image" descr="{&quot;templafy&quot;:{&quot;id&quot;:&quot;3f4387ad-df93-4cb6-a6fd-72596681f7b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6632138" name="image" descr="{&quot;templafy&quot;:{&quot;id&quot;:&quot;06e7d381-6fb7-4b4d-9db3-21356f7e8f7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87179031" name="image" descr="{&quot;templafy&quot;:{&quot;id&quot;:&quot;aefe98fa-c435-41f6-903c-b588b9981e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08538968" name="image" descr="{&quot;templafy&quot;:{&quot;id&quot;:&quot;6d4132f3-4487-4275-adf1-aef8c874fbb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14250894" name="image" descr="{&quot;templafy&quot;:{&quot;id&quot;:&quot;0f979aca-9188-4398-b5c8-cfee7d84ed3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796961700" name="image" descr="{&quot;templafy&quot;:{&quot;id&quot;:&quot;74b2e1d6-9b3c-4f40-998b-0da9d39303a0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4b4b636-4018-462e-a743-9f5a5f96b80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4896afed-3903-4636-a25e-58ea80269f39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23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5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4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3" y="1479523"/>
            <a:ext cx="2160799" cy="4355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9" y="3341699"/>
            <a:ext cx="740399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91" y="4380698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5" y="1479520"/>
            <a:ext cx="2566255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5" y="2019313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61712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50" y="4838167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001" y="871204"/>
            <a:ext cx="10136615" cy="3831675"/>
          </a:xfrm>
        </p:spPr>
        <p:txBody>
          <a:bodyPr/>
          <a:lstStyle>
            <a:lvl1pPr marL="269993" indent="-269993">
              <a:defRPr baseline="0"/>
            </a:lvl1pPr>
            <a:lvl2pPr marL="629984" indent="-269993">
              <a:defRPr/>
            </a:lvl2pPr>
            <a:lvl3pPr marL="935977" indent="-233994">
              <a:defRPr/>
            </a:lvl3pPr>
            <a:lvl4pPr marL="1295968" indent="-215995">
              <a:defRPr/>
            </a:lvl4pPr>
            <a:lvl5pPr marL="1655959" indent="-215995">
              <a:defRPr/>
            </a:lvl5pPr>
            <a:lvl6pPr marL="1997950" indent="-179996">
              <a:defRPr/>
            </a:lvl6pPr>
            <a:lvl7pPr marL="2357941" indent="-179996">
              <a:defRPr/>
            </a:lvl7pPr>
            <a:lvl8pPr marL="2717932" indent="-179996">
              <a:defRPr/>
            </a:lvl8pPr>
            <a:lvl9pPr marL="2717932" indent="-179996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4595c7b1-f312-4d29-958f-f51aea285e79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9" name="text" descr="{&quot;templafy&quot;:{&quot;id&quot;:&quot;47d32271-b005-4d2c-aaef-fbfc18277d87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bfb7b415-8762-4d74-9596-1e7f6eeef6de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76078c2-f7bc-477d-a7d2-6df566c7f2f3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91313057" name="image" descr="{&quot;templafy&quot;:{&quot;id&quot;:&quot;b4122156-c8fe-4924-a311-ffeaecd3a21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2561909" name="image" descr="{&quot;templafy&quot;:{&quot;id&quot;:&quot;53fc1c55-56cc-40a1-a98e-5a885105aca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2659199" name="image" descr="{&quot;templafy&quot;:{&quot;id&quot;:&quot;1949a893-e75f-4283-b479-5a75762aa2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5872379" name="image" descr="{&quot;templafy&quot;:{&quot;id&quot;:&quot;81b9dd8f-57ab-4bad-bbd5-54292077cc4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42748174" name="image" descr="{&quot;templafy&quot;:{&quot;id&quot;:&quot;cf10c756-e31e-48ce-a33c-5dc54d482eb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163534692" name="image" descr="{&quot;templafy&quot;:{&quot;id&quot;:&quot;a3a3aad8-fee7-4681-8b83-5c83fa3fc8d8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9ee124c-aa7a-46a1-8577-11ab30c9eb2e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1ba52423-62b4-4f32-a66b-2df446f7ee3d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6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9" y="4985496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90" y="871204"/>
            <a:ext cx="4924425" cy="3988723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10e6ed73-763f-40f4-8492-8df6f1113b24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f7f3dc83-8c0d-421d-9c9f-061bbaed6f15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2fef96e6-4e16-4930-bff5-1af3e405ea2c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4" name="text" descr="{&quot;templafy&quot;:{&quot;id&quot;:&quot;0c129043-3da6-4c73-95c3-4378cdeff8be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99914894" name="image" descr="{&quot;templafy&quot;:{&quot;id&quot;:&quot;5c34b734-ca58-4cf7-ae3a-ebe97b8cbb1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44667341" name="image" descr="{&quot;templafy&quot;:{&quot;id&quot;:&quot;d65007c0-9852-4876-b084-a7cabd3a806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351472175" name="image" descr="{&quot;templafy&quot;:{&quot;id&quot;:&quot;6d323c9f-efc9-4941-9f9c-57a8be358b8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15637462" name="image" descr="{&quot;templafy&quot;:{&quot;id&quot;:&quot;87813e3c-0adf-47f6-a845-13adf5c8d2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34847830" name="image" descr="{&quot;templafy&quot;:{&quot;id&quot;:&quot;d0a9197d-1fb6-47fb-abbf-2a74571a5c6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74501144" name="image" descr="{&quot;templafy&quot;:{&quot;id&quot;:&quot;7ad2b810-08b6-4635-aef6-6a70e533ef71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06c6d2eb-8314-446f-9520-102f25d7a793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9" name="text" descr="{&quot;templafy&quot;:{&quot;id&quot;:&quot;523e293b-f20f-4bf9-ab39-25f1d1ef7d65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3992">
              <a:defRPr sz="1600"/>
            </a:lvl3pPr>
            <a:lvl4pPr marL="539987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982" indent="-89998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b95df2bb-95cd-4e11-b836-dda64bb2d875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a0abc263-d5d3-4394-82a6-c7593dd6ec74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e940e6a9-1b31-486d-a530-7237a4efa46d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7eaf7f34-f874-4365-9164-9d5057e8afa2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45238082" name="image" descr="{&quot;templafy&quot;:{&quot;id&quot;:&quot;15921dba-8ceb-4dcd-a2ec-dec49a98fa0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42761628" name="image" descr="{&quot;templafy&quot;:{&quot;id&quot;:&quot;0795b564-9520-4895-9e2c-6a50f756ab1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847212289" name="image" descr="{&quot;templafy&quot;:{&quot;id&quot;:&quot;dd81a2c0-b399-4a5a-9a2b-b8b6658f62e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66023369" name="image" descr="{&quot;templafy&quot;:{&quot;id&quot;:&quot;cb853859-00bb-40b2-9a25-3db5f54ba01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56646042" name="image" descr="{&quot;templafy&quot;:{&quot;id&quot;:&quot;1bed0aa6-eea6-4354-8178-6b31174212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40505226" name="image" descr="{&quot;templafy&quot;:{&quot;id&quot;:&quot;76aafc83-053d-4e48-b99f-1409c377aec9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3d62c9e3-0943-44fc-93f4-ebd935ea3447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6" name="text" descr="{&quot;templafy&quot;:{&quot;id&quot;:&quot;5b109b4b-2825-4049-8952-1a1f0884559d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2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8000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8429d9e7-f8ab-4594-876a-d05047153ce8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0" name="text" descr="{&quot;templafy&quot;:{&quot;id&quot;:&quot;21593e91-050b-4db2-a41b-b0ee5b0bb8f4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378f5bc0-ec3e-40c7-aed1-0a972c411b56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2" name="text" descr="{&quot;templafy&quot;:{&quot;id&quot;:&quot;d80f967b-3c25-467d-b415-677c3ce6a7a2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94918990" name="image" descr="{&quot;templafy&quot;:{&quot;id&quot;:&quot;643853c9-9fa4-415a-800b-953c52b24db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7567675" name="image" descr="{&quot;templafy&quot;:{&quot;id&quot;:&quot;f8af76fa-3f74-41e8-8849-2a58b909a3e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028652923" name="image" descr="{&quot;templafy&quot;:{&quot;id&quot;:&quot;972d7002-1712-4400-b70c-2354a2db77d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85296910" name="image" descr="{&quot;templafy&quot;:{&quot;id&quot;:&quot;8859ea4f-b838-415c-a8f7-9a20bc41c81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057456264" name="image" descr="{&quot;templafy&quot;:{&quot;id&quot;:&quot;dfda3476-3c2a-44a1-9efe-ad585b17488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78789297" name="image" descr="{&quot;templafy&quot;:{&quot;id&quot;:&quot;a55eade7-2540-4c9e-a207-305965d00e2a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72b2f1d0-d40d-46ce-bbc3-1ca7cf038cee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7" name="text" descr="{&quot;templafy&quot;:{&quot;id&quot;:&quot;69cb07f5-86a3-488b-834c-66d18a014de0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9" y="1989139"/>
            <a:ext cx="6356613" cy="3495675"/>
          </a:xfrm>
        </p:spPr>
        <p:txBody>
          <a:bodyPr/>
          <a:lstStyle>
            <a:lvl1pPr marL="125997" indent="-125997">
              <a:defRPr sz="1800"/>
            </a:lvl1pPr>
            <a:lvl2pPr marL="449989" indent="-107997">
              <a:defRPr sz="1600"/>
            </a:lvl2pPr>
            <a:lvl3pPr marL="809980" indent="-107997">
              <a:defRPr sz="1400"/>
            </a:lvl3pPr>
            <a:lvl4pPr marL="1151971" indent="-89998">
              <a:defRPr sz="1200"/>
            </a:lvl4pPr>
            <a:lvl5pPr marL="1511962" indent="-89998">
              <a:defRPr sz="1000"/>
            </a:lvl5pPr>
            <a:lvl6pPr marL="1871953">
              <a:defRPr sz="1000"/>
            </a:lvl6pPr>
            <a:lvl7pPr marL="2231944">
              <a:defRPr sz="1000"/>
            </a:lvl7pPr>
            <a:lvl8pPr marL="2591935">
              <a:defRPr/>
            </a:lvl8pPr>
            <a:lvl9pPr marL="2951926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50" y="1974852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b9a953bd-6a49-45b6-8cfb-8dbc9e1d803a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9" y="207098"/>
            <a:ext cx="5148263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text" descr="{&quot;templafy&quot;:{&quot;id&quot;:&quot;569587ed-93d6-4a57-813d-182263afb341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604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1af2daa3-ed5d-43e9-bd8e-0c07cb3f9d6d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9" y="417582"/>
            <a:ext cx="51482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re for Cancer and Organ Diseases</a:t>
            </a:r>
          </a:p>
        </p:txBody>
      </p:sp>
      <p:sp>
        <p:nvSpPr>
          <p:cNvPr id="18" name="text" descr="{&quot;templafy&quot;:{&quot;id&quot;:&quot;1dc7025b-568f-44ed-b563-54ef30deb475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70440407" name="image" descr="{&quot;templafy&quot;:{&quot;id&quot;:&quot;fed94988-bc7e-4b0a-8714-68f8ef9eed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46962538" name="image" descr="{&quot;templafy&quot;:{&quot;id&quot;:&quot;ccb4103d-c96c-4375-acba-0672342aba3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4" y="5763982"/>
            <a:ext cx="116417" cy="594784"/>
          </a:xfrm>
          <a:prstGeom prst="rect">
            <a:avLst/>
          </a:prstGeom>
        </p:spPr>
      </p:pic>
      <p:pic>
        <p:nvPicPr>
          <p:cNvPr id="1109014869" name="image" descr="{&quot;templafy&quot;:{&quot;id&quot;:&quot;74f0694d-2fca-42dd-97d7-9ea35c95dd9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12750045" name="image" descr="{&quot;templafy&quot;:{&quot;id&quot;:&quot;6f3e3510-7be4-4dcd-ab1d-14ad8496b03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22697075" name="image" descr="{&quot;templafy&quot;:{&quot;id&quot;:&quot;fe552e0a-7767-4766-9366-065ac381229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42846734" name="image" descr="{&quot;templafy&quot;:{&quot;id&quot;:&quot;a3071101-c2aa-4ccf-88cd-1f6f4b75206e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74c7b960-87c1-4ab1-877a-0a6628b0c44b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Signe Korsgaard Skriver</a:t>
            </a:r>
          </a:p>
        </p:txBody>
      </p:sp>
      <p:sp>
        <p:nvSpPr>
          <p:cNvPr id="21" name="text" descr="{&quot;templafy&quot;:{&quot;id&quot;:&quot;88dcd220-325c-4a9b-b398-88cf65fa1dbd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5.xml"/><Relationship Id="rId13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0.xml"/><Relationship Id="rId7" Type="http://schemas.openxmlformats.org/officeDocument/2006/relationships/slideLayout" Target="../slideLayouts/slideLayout34.xml"/><Relationship Id="rId12" Type="http://schemas.openxmlformats.org/officeDocument/2006/relationships/slideLayout" Target="../slideLayouts/slideLayout39.xml"/><Relationship Id="rId2" Type="http://schemas.openxmlformats.org/officeDocument/2006/relationships/slideLayout" Target="../slideLayouts/slideLayout29.xml"/><Relationship Id="rId1" Type="http://schemas.openxmlformats.org/officeDocument/2006/relationships/slideLayout" Target="../slideLayouts/slideLayout28.xml"/><Relationship Id="rId6" Type="http://schemas.openxmlformats.org/officeDocument/2006/relationships/slideLayout" Target="../slideLayouts/slideLayout33.xml"/><Relationship Id="rId11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2.xml"/><Relationship Id="rId10" Type="http://schemas.openxmlformats.org/officeDocument/2006/relationships/slideLayout" Target="../slideLayouts/slideLayout37.xml"/><Relationship Id="rId4" Type="http://schemas.openxmlformats.org/officeDocument/2006/relationships/slideLayout" Target="../slideLayouts/slideLayout31.xml"/><Relationship Id="rId9" Type="http://schemas.openxmlformats.org/officeDocument/2006/relationships/slideLayout" Target="../slideLayouts/slideLayout36.xml"/><Relationship Id="rId1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 rot="5400000">
            <a:off x="6059995" y="249328"/>
            <a:ext cx="72008" cy="1219199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sz="1800" dirty="0"/>
          </a:p>
        </p:txBody>
      </p:sp>
      <p:sp>
        <p:nvSpPr>
          <p:cNvPr id="22" name="Rektangel" descr="{&quot;templafy&quot;:{&quot;id&quot;:&quot;eec706c6-1159-44d0-b7b7-55c245d10e2b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381328"/>
            <a:ext cx="12192000" cy="476672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529664"/>
            <a:ext cx="687387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33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33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68" r:id="rId8"/>
    <p:sldLayoutId id="2147483669" r:id="rId9"/>
    <p:sldLayoutId id="2147483658" r:id="rId10"/>
    <p:sldLayoutId id="2147483655" r:id="rId11"/>
    <p:sldLayoutId id="2147483663" r:id="rId12"/>
    <p:sldLayoutId id="2147483667" r:id="rId13"/>
    <p:sldLayoutId id="2147483698" r:id="rId14"/>
  </p:sldLayoutIdLst>
  <p:hf hdr="0"/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3996" indent="-143996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3987" indent="-143996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7979" indent="-125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7970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7961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7952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7943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7934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7925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 rot="5400000">
            <a:off x="6059995" y="249328"/>
            <a:ext cx="72008" cy="1219199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sz="1800" dirty="0"/>
          </a:p>
        </p:txBody>
      </p:sp>
      <p:sp>
        <p:nvSpPr>
          <p:cNvPr id="22" name="Rektangel" descr="{&quot;templafy&quot;:{&quot;id&quot;:&quot;eec706c6-1159-44d0-b7b7-55c245d10e2b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381328"/>
            <a:ext cx="12192000" cy="476672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529664"/>
            <a:ext cx="687387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33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33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19305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7" r:id="rId13"/>
  </p:sldLayoutIdLst>
  <p:hf hdr="0"/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3996" indent="-143996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3987" indent="-143996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7979" indent="-125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7970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7961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7952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7943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7934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7925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 rot="5400000">
            <a:off x="6059995" y="249328"/>
            <a:ext cx="72008" cy="1219199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sz="1800" dirty="0"/>
          </a:p>
        </p:txBody>
      </p:sp>
      <p:sp>
        <p:nvSpPr>
          <p:cNvPr id="22" name="Rektangel" descr="{&quot;templafy&quot;:{&quot;id&quot;:&quot;eec706c6-1159-44d0-b7b7-55c245d10e2b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381328"/>
            <a:ext cx="12192000" cy="476672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529664"/>
            <a:ext cx="687387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33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33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05458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73" r:id="rId3"/>
    <p:sldLayoutId id="2147483674" r:id="rId4"/>
    <p:sldLayoutId id="2147483675" r:id="rId5"/>
    <p:sldLayoutId id="2147483676" r:id="rId6"/>
    <p:sldLayoutId id="2147483677" r:id="rId7"/>
    <p:sldLayoutId id="2147483678" r:id="rId8"/>
    <p:sldLayoutId id="2147483679" r:id="rId9"/>
    <p:sldLayoutId id="2147483680" r:id="rId10"/>
    <p:sldLayoutId id="2147483681" r:id="rId11"/>
    <p:sldLayoutId id="2147483682" r:id="rId12"/>
    <p:sldLayoutId id="2147483683" r:id="rId13"/>
  </p:sldLayoutIdLst>
  <p:hf hdr="0"/>
  <p:txStyles>
    <p:titleStyle>
      <a:lvl1pPr algn="l" defTabSz="914377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3996" indent="-143996" algn="l" defTabSz="914377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3987" indent="-143996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7979" indent="-125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7970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7961" indent="-107997" algn="l" defTabSz="914377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7952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7943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7934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7925" indent="-89998" algn="l" defTabSz="914377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tags" Target="../tags/tag1.xml"/><Relationship Id="rId7" Type="http://schemas.openxmlformats.org/officeDocument/2006/relationships/image" Target="../media/image18.pn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17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3.w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microsoft.com/office/2007/relationships/hdphoto" Target="../media/hdphoto4.wdp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0.png"/><Relationship Id="rId5" Type="http://schemas.openxmlformats.org/officeDocument/2006/relationships/image" Target="../media/image39.jpeg"/><Relationship Id="rId4" Type="http://schemas.openxmlformats.org/officeDocument/2006/relationships/image" Target="../media/image38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microsoft.com/office/2007/relationships/hdphoto" Target="../media/hdphoto3.wdp"/><Relationship Id="rId3" Type="http://schemas.openxmlformats.org/officeDocument/2006/relationships/image" Target="../media/image21.png"/><Relationship Id="rId7" Type="http://schemas.openxmlformats.org/officeDocument/2006/relationships/image" Target="../media/image2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microsoft.com/office/2007/relationships/hdphoto" Target="../media/hdphoto2.wdp"/><Relationship Id="rId5" Type="http://schemas.openxmlformats.org/officeDocument/2006/relationships/image" Target="../media/image22.png"/><Relationship Id="rId4" Type="http://schemas.microsoft.com/office/2007/relationships/hdphoto" Target="../media/hdphoto1.wd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C4863A8D-0E4F-4690-A76E-F99A41A485E5}"/>
              </a:ext>
            </a:extLst>
          </p:cNvPr>
          <p:cNvSpPr/>
          <p:nvPr/>
        </p:nvSpPr>
        <p:spPr>
          <a:xfrm>
            <a:off x="695400" y="2012369"/>
            <a:ext cx="11496600" cy="4843511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>
              <a:solidFill>
                <a:schemeClr val="tx1"/>
              </a:solidFill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94691" y="2839044"/>
            <a:ext cx="9435659" cy="996141"/>
          </a:xfrm>
        </p:spPr>
        <p:txBody>
          <a:bodyPr/>
          <a:lstStyle/>
          <a:p>
            <a:pPr algn="ctr"/>
            <a:r>
              <a:rPr lang="en-US" sz="4000" dirty="0">
                <a:solidFill>
                  <a:schemeClr val="tx1"/>
                </a:solidFill>
              </a:rPr>
              <a:t>Letrozole in early breast cancer</a:t>
            </a:r>
            <a:br>
              <a:rPr lang="en-US" sz="4000" dirty="0">
                <a:solidFill>
                  <a:schemeClr val="tx1"/>
                </a:solidFill>
              </a:rPr>
            </a:br>
            <a:endParaRPr lang="da-DK" sz="4000" dirty="0">
              <a:solidFill>
                <a:schemeClr val="tx1"/>
              </a:solidFill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CCC5DF3-AB89-45FD-84DC-A39C640B76BE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5927" r="9970"/>
          <a:stretch/>
        </p:blipFill>
        <p:spPr>
          <a:xfrm>
            <a:off x="850237" y="5664030"/>
            <a:ext cx="1861391" cy="999055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36FBD362-FC27-41F2-A526-D769DAB8759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74541" y="5487430"/>
            <a:ext cx="1485827" cy="1175655"/>
          </a:xfrm>
          <a:prstGeom prst="rect">
            <a:avLst/>
          </a:prstGeom>
        </p:spPr>
      </p:pic>
      <p:sp>
        <p:nvSpPr>
          <p:cNvPr id="8" name="Undertitel 2">
            <a:extLst>
              <a:ext uri="{FF2B5EF4-FFF2-40B4-BE49-F238E27FC236}">
                <a16:creationId xmlns:a16="http://schemas.microsoft.com/office/drawing/2014/main" id="{C133410A-E3C1-4FBE-B631-F41CA0DE4E9E}"/>
              </a:ext>
            </a:extLst>
          </p:cNvPr>
          <p:cNvSpPr txBox="1">
            <a:spLocks noGrp="1"/>
          </p:cNvSpPr>
          <p:nvPr>
            <p:ph type="subTitle" idx="1"/>
          </p:nvPr>
        </p:nvSpPr>
        <p:spPr>
          <a:xfrm>
            <a:off x="2389265" y="3797465"/>
            <a:ext cx="7641232" cy="1069000"/>
          </a:xfrm>
          <a:prstGeom prst="rect">
            <a:avLst/>
          </a:prstGeom>
        </p:spPr>
        <p:txBody>
          <a:bodyPr/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None/>
            </a:pPr>
            <a:r>
              <a:rPr lang="en-GB" sz="1100" dirty="0">
                <a:solidFill>
                  <a:srgbClr val="1F4A60"/>
                </a:solidFill>
              </a:rPr>
              <a:t>Supervisors:					Assessment committee:</a:t>
            </a:r>
            <a:br>
              <a:rPr lang="en-GB" sz="1100" dirty="0">
                <a:solidFill>
                  <a:srgbClr val="1F4A60"/>
                </a:solidFill>
              </a:rPr>
            </a:br>
            <a:r>
              <a:rPr lang="en-GB" sz="1100" dirty="0">
                <a:solidFill>
                  <a:srgbClr val="1F4A60"/>
                </a:solidFill>
              </a:rPr>
              <a:t>Anne-Vibeke Lænkholm, Associate Professor, MD		Inge Marie </a:t>
            </a:r>
            <a:r>
              <a:rPr lang="en-GB" sz="1100" dirty="0" err="1">
                <a:solidFill>
                  <a:srgbClr val="1F4A60"/>
                </a:solidFill>
              </a:rPr>
              <a:t>Svane</a:t>
            </a:r>
            <a:r>
              <a:rPr lang="en-GB" sz="1100" dirty="0">
                <a:solidFill>
                  <a:srgbClr val="1F4A60"/>
                </a:solidFill>
              </a:rPr>
              <a:t>, Professor, MD, PhD, </a:t>
            </a:r>
            <a:r>
              <a:rPr lang="en-GB" sz="1100" dirty="0" err="1">
                <a:solidFill>
                  <a:srgbClr val="1F4A60"/>
                </a:solidFill>
              </a:rPr>
              <a:t>DMSc</a:t>
            </a:r>
            <a:r>
              <a:rPr lang="en-GB" sz="1100" dirty="0">
                <a:solidFill>
                  <a:srgbClr val="1F4A60"/>
                </a:solidFill>
              </a:rPr>
              <a:t> </a:t>
            </a:r>
            <a:br>
              <a:rPr lang="en-GB" sz="1100" dirty="0">
                <a:solidFill>
                  <a:srgbClr val="1F4A60"/>
                </a:solidFill>
              </a:rPr>
            </a:br>
            <a:r>
              <a:rPr lang="en-GB" sz="1100" dirty="0">
                <a:solidFill>
                  <a:srgbClr val="1F4A60"/>
                </a:solidFill>
              </a:rPr>
              <a:t>Ann </a:t>
            </a:r>
            <a:r>
              <a:rPr lang="en-GB" sz="1100" dirty="0" err="1">
                <a:solidFill>
                  <a:srgbClr val="1F4A60"/>
                </a:solidFill>
              </a:rPr>
              <a:t>Soegaard</a:t>
            </a:r>
            <a:r>
              <a:rPr lang="en-GB" sz="1100" dirty="0">
                <a:solidFill>
                  <a:srgbClr val="1F4A60"/>
                </a:solidFill>
              </a:rPr>
              <a:t> Knoop, Consultant, MD, PhD			Signe </a:t>
            </a:r>
            <a:r>
              <a:rPr lang="en-GB" sz="1100" dirty="0" err="1">
                <a:solidFill>
                  <a:srgbClr val="1F4A60"/>
                </a:solidFill>
              </a:rPr>
              <a:t>Borgquist</a:t>
            </a:r>
            <a:r>
              <a:rPr lang="en-GB" sz="1100" dirty="0">
                <a:solidFill>
                  <a:srgbClr val="1F4A60"/>
                </a:solidFill>
              </a:rPr>
              <a:t>, Professor, MD, PhD</a:t>
            </a:r>
            <a:br>
              <a:rPr lang="en-GB" sz="1100" dirty="0">
                <a:solidFill>
                  <a:srgbClr val="1F4A60"/>
                </a:solidFill>
              </a:rPr>
            </a:br>
            <a:r>
              <a:rPr lang="en-GB" sz="1100" dirty="0">
                <a:solidFill>
                  <a:srgbClr val="1F4A60"/>
                </a:solidFill>
              </a:rPr>
              <a:t>Bent Ejlertsen, Professor, MD, PhD, </a:t>
            </a:r>
            <a:r>
              <a:rPr lang="en-GB" sz="1100" dirty="0" err="1">
                <a:solidFill>
                  <a:srgbClr val="1F4A60"/>
                </a:solidFill>
              </a:rPr>
              <a:t>DMSc</a:t>
            </a:r>
            <a:r>
              <a:rPr lang="en-GB" sz="1100" dirty="0">
                <a:solidFill>
                  <a:srgbClr val="1F4A60"/>
                </a:solidFill>
              </a:rPr>
              <a:t> 			Mitch </a:t>
            </a:r>
            <a:r>
              <a:rPr lang="en-GB" sz="1100" dirty="0" err="1">
                <a:solidFill>
                  <a:srgbClr val="1F4A60"/>
                </a:solidFill>
              </a:rPr>
              <a:t>Dowsett</a:t>
            </a:r>
            <a:r>
              <a:rPr lang="en-GB" sz="1100" dirty="0">
                <a:solidFill>
                  <a:srgbClr val="1F4A60"/>
                </a:solidFill>
              </a:rPr>
              <a:t>, Professor, </a:t>
            </a:r>
            <a:r>
              <a:rPr lang="en-GB" sz="1100" dirty="0" err="1">
                <a:solidFill>
                  <a:srgbClr val="1F4A60"/>
                </a:solidFill>
              </a:rPr>
              <a:t>FMedSci</a:t>
            </a:r>
            <a:r>
              <a:rPr lang="en-GB" sz="1100" dirty="0">
                <a:solidFill>
                  <a:srgbClr val="1F4A60"/>
                </a:solidFill>
              </a:rPr>
              <a:t>, PhD</a:t>
            </a:r>
          </a:p>
          <a:p>
            <a:pPr marL="0" indent="0">
              <a:buNone/>
            </a:pPr>
            <a:endParaRPr lang="en-GB" sz="1100" dirty="0">
              <a:solidFill>
                <a:srgbClr val="1F4A60"/>
              </a:solidFill>
            </a:endParaRPr>
          </a:p>
          <a:p>
            <a:pPr marL="0" indent="0">
              <a:buNone/>
            </a:pPr>
            <a:r>
              <a:rPr lang="en-GB" sz="1100" dirty="0">
                <a:solidFill>
                  <a:srgbClr val="1F4A60"/>
                </a:solidFill>
              </a:rPr>
              <a:t>			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1F4A60"/>
                </a:solidFill>
              </a:rPr>
              <a:t>			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1F4A60"/>
                </a:solidFill>
              </a:rPr>
              <a:t>			Submitted August 14, 2020</a:t>
            </a:r>
          </a:p>
          <a:p>
            <a:pPr marL="0" indent="0">
              <a:buNone/>
            </a:pPr>
            <a:r>
              <a:rPr lang="en-GB" sz="1100" dirty="0">
                <a:solidFill>
                  <a:srgbClr val="1F4A60"/>
                </a:solidFill>
              </a:rPr>
              <a:t>			Defence November 25, 2020</a:t>
            </a:r>
          </a:p>
          <a:p>
            <a:pPr marL="0" indent="0">
              <a:buNone/>
            </a:pPr>
            <a:endParaRPr lang="en-GB" sz="1100" dirty="0">
              <a:solidFill>
                <a:srgbClr val="1F4A60"/>
              </a:solidFill>
            </a:endParaRPr>
          </a:p>
          <a:p>
            <a:pPr marL="0" indent="0">
              <a:buNone/>
            </a:pPr>
            <a:br>
              <a:rPr lang="en-GB" sz="1100" dirty="0"/>
            </a:br>
            <a:r>
              <a:rPr lang="en-GB" sz="1100" dirty="0"/>
              <a:t>			</a:t>
            </a:r>
            <a:endParaRPr lang="en-GB" sz="1100" i="1" dirty="0"/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5394430C-AE8B-4F81-AE04-1678609C7D7E}"/>
              </a:ext>
            </a:extLst>
          </p:cNvPr>
          <p:cNvSpPr txBox="1"/>
          <p:nvPr/>
        </p:nvSpPr>
        <p:spPr>
          <a:xfrm>
            <a:off x="5752681" y="2778369"/>
            <a:ext cx="914400" cy="914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en-GB" dirty="0" err="1"/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3B5E7A9C-923C-4BA2-A3D6-0A29A2143E9A}"/>
              </a:ext>
            </a:extLst>
          </p:cNvPr>
          <p:cNvSpPr/>
          <p:nvPr/>
        </p:nvSpPr>
        <p:spPr>
          <a:xfrm>
            <a:off x="0" y="1108091"/>
            <a:ext cx="687600" cy="914400"/>
          </a:xfrm>
          <a:prstGeom prst="rect">
            <a:avLst/>
          </a:prstGeom>
          <a:solidFill>
            <a:srgbClr val="99D7F6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458EAAEF-B8F7-4D0E-BE76-FDAED973EE1C}"/>
              </a:ext>
            </a:extLst>
          </p:cNvPr>
          <p:cNvSpPr/>
          <p:nvPr/>
        </p:nvSpPr>
        <p:spPr>
          <a:xfrm>
            <a:off x="0" y="2012365"/>
            <a:ext cx="687600" cy="914400"/>
          </a:xfrm>
          <a:prstGeom prst="rect">
            <a:avLst/>
          </a:prstGeom>
          <a:solidFill>
            <a:srgbClr val="1F4A6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29C8CB09-5E55-4517-ADE0-96CEE8733574}"/>
              </a:ext>
            </a:extLst>
          </p:cNvPr>
          <p:cNvSpPr/>
          <p:nvPr/>
        </p:nvSpPr>
        <p:spPr>
          <a:xfrm>
            <a:off x="690571" y="1282061"/>
            <a:ext cx="687600" cy="9144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grpSp>
        <p:nvGrpSpPr>
          <p:cNvPr id="2" name="Gruppe 1">
            <a:extLst>
              <a:ext uri="{FF2B5EF4-FFF2-40B4-BE49-F238E27FC236}">
                <a16:creationId xmlns:a16="http://schemas.microsoft.com/office/drawing/2014/main" id="{4482FA5F-F828-46C1-8A47-CD59D52A390D}"/>
              </a:ext>
            </a:extLst>
          </p:cNvPr>
          <p:cNvGrpSpPr/>
          <p:nvPr/>
        </p:nvGrpSpPr>
        <p:grpSpPr>
          <a:xfrm>
            <a:off x="479376" y="1556792"/>
            <a:ext cx="648072" cy="696099"/>
            <a:chOff x="457200" y="5718575"/>
            <a:chExt cx="687600" cy="687600"/>
          </a:xfrm>
        </p:grpSpPr>
        <p:pic>
          <p:nvPicPr>
            <p:cNvPr id="9" name="image" descr="{&quot;templafy&quot;:{&quot;id&quot;:&quot;4998f7e7-f582-4dc9-ae5c-70823e54181e&quot;}}">
              <a:extLst>
                <a:ext uri="{FF2B5EF4-FFF2-40B4-BE49-F238E27FC236}">
                  <a16:creationId xmlns:a16="http://schemas.microsoft.com/office/drawing/2014/main" id="{668734B3-9E3A-49DD-94E8-B45252C3819C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457200" y="5718575"/>
              <a:ext cx="687600" cy="687600"/>
            </a:xfrm>
            <a:prstGeom prst="rect">
              <a:avLst/>
            </a:prstGeom>
          </p:spPr>
        </p:pic>
        <p:pic>
          <p:nvPicPr>
            <p:cNvPr id="10" name="Region">
              <a:extLst>
                <a:ext uri="{FF2B5EF4-FFF2-40B4-BE49-F238E27FC236}">
                  <a16:creationId xmlns:a16="http://schemas.microsoft.com/office/drawing/2014/main" id="{C400BE01-C9DA-4513-998B-3BD8B2BD3FC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13732" y="5763982"/>
              <a:ext cx="116417" cy="594784"/>
            </a:xfrm>
            <a:prstGeom prst="rect">
              <a:avLst/>
            </a:prstGeom>
          </p:spPr>
        </p:pic>
      </p:grpSp>
      <p:sp>
        <p:nvSpPr>
          <p:cNvPr id="15" name="Rektangel 14">
            <a:extLst>
              <a:ext uri="{FF2B5EF4-FFF2-40B4-BE49-F238E27FC236}">
                <a16:creationId xmlns:a16="http://schemas.microsoft.com/office/drawing/2014/main" id="{97F12303-3B69-493D-9FB3-E07ECB3FB11F}"/>
              </a:ext>
            </a:extLst>
          </p:cNvPr>
          <p:cNvSpPr/>
          <p:nvPr/>
        </p:nvSpPr>
        <p:spPr>
          <a:xfrm>
            <a:off x="11375417" y="5928733"/>
            <a:ext cx="687600" cy="914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7FA94B3-5CA8-483E-9950-6F50719A33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6A3A9D2-E5D9-4D99-9FCF-3FD3FAAD20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1A5A11BC-6703-4235-9C94-C3FC5DE4C62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428A627-A0E4-45B4-868C-EB47C8A1EC2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-25000" contrast="77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335364" y="61368"/>
            <a:ext cx="6280489" cy="6202389"/>
          </a:xfrm>
          <a:prstGeom prst="rect">
            <a:avLst/>
          </a:prstGeom>
        </p:spPr>
      </p:pic>
      <p:sp>
        <p:nvSpPr>
          <p:cNvPr id="10" name="Rektangel 9">
            <a:extLst>
              <a:ext uri="{FF2B5EF4-FFF2-40B4-BE49-F238E27FC236}">
                <a16:creationId xmlns:a16="http://schemas.microsoft.com/office/drawing/2014/main" id="{9878FB61-CFA8-4A32-BDD9-F43058709646}"/>
              </a:ext>
            </a:extLst>
          </p:cNvPr>
          <p:cNvSpPr/>
          <p:nvPr/>
        </p:nvSpPr>
        <p:spPr>
          <a:xfrm>
            <a:off x="6744072" y="1628803"/>
            <a:ext cx="4296336" cy="3416320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US" dirty="0"/>
              <a:t>Primary findings:</a:t>
            </a:r>
          </a:p>
          <a:p>
            <a:endParaRPr lang="en-US" dirty="0"/>
          </a:p>
          <a:p>
            <a:r>
              <a:rPr lang="en-US" dirty="0"/>
              <a:t>Baseline TILS 5% mean</a:t>
            </a:r>
          </a:p>
          <a:p>
            <a:r>
              <a:rPr lang="en-US" dirty="0"/>
              <a:t>Range 0-50%</a:t>
            </a:r>
          </a:p>
          <a:p>
            <a:endParaRPr lang="en-US" dirty="0"/>
          </a:p>
          <a:p>
            <a:r>
              <a:rPr lang="en-US" dirty="0"/>
              <a:t>No difference in distribution of TILs in clinicopathological subgroups except for Ki67</a:t>
            </a:r>
          </a:p>
          <a:p>
            <a:endParaRPr lang="en-US" dirty="0"/>
          </a:p>
          <a:p>
            <a:r>
              <a:rPr lang="en-US" dirty="0"/>
              <a:t>Correlation TILs and Ki67:</a:t>
            </a:r>
          </a:p>
          <a:p>
            <a:r>
              <a:rPr lang="en-US" dirty="0"/>
              <a:t>Pretreatment: Pearson 0.4; p = 0.0002</a:t>
            </a:r>
          </a:p>
          <a:p>
            <a:r>
              <a:rPr lang="en-US" dirty="0"/>
              <a:t>Posttreatment: Pearson 0.5; p &lt; 0.0001</a:t>
            </a:r>
            <a:endParaRPr lang="en-GB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EC2C0AD7-DEEA-4451-A8AB-88D54E94F65E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. </a:t>
            </a:r>
            <a:r>
              <a:rPr lang="en-US" sz="1000" i="1" dirty="0"/>
              <a:t>Breast Cancer Research</a:t>
            </a:r>
            <a:r>
              <a:rPr lang="en-US" sz="1000" dirty="0"/>
              <a:t>, 2020</a:t>
            </a:r>
          </a:p>
        </p:txBody>
      </p:sp>
    </p:spTree>
    <p:extLst>
      <p:ext uri="{BB962C8B-B14F-4D97-AF65-F5344CB8AC3E}">
        <p14:creationId xmlns:p14="http://schemas.microsoft.com/office/powerpoint/2010/main" val="42928510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D6CA4EA-50F3-493A-98E7-19DDB7E32E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1</a:t>
            </a:fld>
            <a:endParaRPr lang="en-US" dirty="0"/>
          </a:p>
        </p:txBody>
      </p:sp>
      <p:pic>
        <p:nvPicPr>
          <p:cNvPr id="23" name="Billede 22">
            <a:extLst>
              <a:ext uri="{FF2B5EF4-FFF2-40B4-BE49-F238E27FC236}">
                <a16:creationId xmlns:a16="http://schemas.microsoft.com/office/drawing/2014/main" id="{8B207AD9-6ECE-4F4D-AE93-B0EA51BE0C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27451" y="651539"/>
            <a:ext cx="4095735" cy="1578679"/>
          </a:xfrm>
          <a:prstGeom prst="rect">
            <a:avLst/>
          </a:prstGeom>
        </p:spPr>
      </p:pic>
      <p:sp>
        <p:nvSpPr>
          <p:cNvPr id="26" name="Tekstfelt 25">
            <a:extLst>
              <a:ext uri="{FF2B5EF4-FFF2-40B4-BE49-F238E27FC236}">
                <a16:creationId xmlns:a16="http://schemas.microsoft.com/office/drawing/2014/main" id="{4D5F440E-8B4C-40EC-8A4D-16D74AF22161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. </a:t>
            </a:r>
            <a:r>
              <a:rPr lang="en-US" sz="1000" i="1" dirty="0"/>
              <a:t>Breast Cancer Research</a:t>
            </a:r>
            <a:r>
              <a:rPr lang="en-US" sz="1000" dirty="0"/>
              <a:t>, 2020</a:t>
            </a:r>
          </a:p>
        </p:txBody>
      </p:sp>
      <p:grpSp>
        <p:nvGrpSpPr>
          <p:cNvPr id="5" name="Gruppe 4">
            <a:extLst>
              <a:ext uri="{FF2B5EF4-FFF2-40B4-BE49-F238E27FC236}">
                <a16:creationId xmlns:a16="http://schemas.microsoft.com/office/drawing/2014/main" id="{F1135856-8170-4CC4-8AC4-2EB6AB0A3AC4}"/>
              </a:ext>
            </a:extLst>
          </p:cNvPr>
          <p:cNvGrpSpPr/>
          <p:nvPr/>
        </p:nvGrpSpPr>
        <p:grpSpPr>
          <a:xfrm>
            <a:off x="668614" y="2396827"/>
            <a:ext cx="5599705" cy="3842168"/>
            <a:chOff x="317855" y="2434968"/>
            <a:chExt cx="5599705" cy="3842168"/>
          </a:xfrm>
        </p:grpSpPr>
        <p:pic>
          <p:nvPicPr>
            <p:cNvPr id="24" name="Billede 23">
              <a:extLst>
                <a:ext uri="{FF2B5EF4-FFF2-40B4-BE49-F238E27FC236}">
                  <a16:creationId xmlns:a16="http://schemas.microsoft.com/office/drawing/2014/main" id="{C86A8DF9-DD70-43B1-AD6C-D8624997D18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17855" y="2434968"/>
              <a:ext cx="5599705" cy="3842168"/>
            </a:xfrm>
            <a:prstGeom prst="rect">
              <a:avLst/>
            </a:prstGeom>
          </p:spPr>
        </p:pic>
        <p:sp>
          <p:nvSpPr>
            <p:cNvPr id="8" name="Tekstfelt 7">
              <a:extLst>
                <a:ext uri="{FF2B5EF4-FFF2-40B4-BE49-F238E27FC236}">
                  <a16:creationId xmlns:a16="http://schemas.microsoft.com/office/drawing/2014/main" id="{3BA4F282-D167-492F-8D90-6D86621A1571}"/>
                </a:ext>
              </a:extLst>
            </p:cNvPr>
            <p:cNvSpPr txBox="1"/>
            <p:nvPr/>
          </p:nvSpPr>
          <p:spPr>
            <a:xfrm>
              <a:off x="435667" y="3068960"/>
              <a:ext cx="1541815" cy="3600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GB" sz="1600" dirty="0">
                  <a:solidFill>
                    <a:schemeClr val="bg2">
                      <a:lumMod val="75000"/>
                    </a:schemeClr>
                  </a:solidFill>
                </a:rPr>
                <a:t>Pretreatment</a:t>
              </a:r>
            </a:p>
          </p:txBody>
        </p:sp>
        <p:sp>
          <p:nvSpPr>
            <p:cNvPr id="9" name="Tekstfelt 8">
              <a:extLst>
                <a:ext uri="{FF2B5EF4-FFF2-40B4-BE49-F238E27FC236}">
                  <a16:creationId xmlns:a16="http://schemas.microsoft.com/office/drawing/2014/main" id="{DCB45FFE-3293-4D0C-B9A9-2A0C66357A1B}"/>
                </a:ext>
              </a:extLst>
            </p:cNvPr>
            <p:cNvSpPr txBox="1"/>
            <p:nvPr/>
          </p:nvSpPr>
          <p:spPr>
            <a:xfrm>
              <a:off x="435667" y="4699979"/>
              <a:ext cx="1541815" cy="3600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GB" sz="1600" dirty="0">
                  <a:solidFill>
                    <a:schemeClr val="bg2">
                      <a:lumMod val="75000"/>
                    </a:schemeClr>
                  </a:solidFill>
                </a:rPr>
                <a:t>Posttreatment</a:t>
              </a:r>
            </a:p>
          </p:txBody>
        </p:sp>
        <p:sp>
          <p:nvSpPr>
            <p:cNvPr id="10" name="Tekstfelt 9">
              <a:extLst>
                <a:ext uri="{FF2B5EF4-FFF2-40B4-BE49-F238E27FC236}">
                  <a16:creationId xmlns:a16="http://schemas.microsoft.com/office/drawing/2014/main" id="{EFFF9521-E125-4D86-9ADE-12968F57F41B}"/>
                </a:ext>
              </a:extLst>
            </p:cNvPr>
            <p:cNvSpPr txBox="1"/>
            <p:nvPr/>
          </p:nvSpPr>
          <p:spPr>
            <a:xfrm>
              <a:off x="1947584" y="2684186"/>
              <a:ext cx="1541815" cy="3600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GB" sz="1600" dirty="0">
                  <a:solidFill>
                    <a:schemeClr val="bg2">
                      <a:lumMod val="75000"/>
                    </a:schemeClr>
                  </a:solidFill>
                </a:rPr>
                <a:t>No response</a:t>
              </a:r>
            </a:p>
          </p:txBody>
        </p:sp>
        <p:sp>
          <p:nvSpPr>
            <p:cNvPr id="11" name="Tekstfelt 10">
              <a:extLst>
                <a:ext uri="{FF2B5EF4-FFF2-40B4-BE49-F238E27FC236}">
                  <a16:creationId xmlns:a16="http://schemas.microsoft.com/office/drawing/2014/main" id="{E83F881B-4DC0-4E7E-AFE7-98AC33721EF8}"/>
                </a:ext>
              </a:extLst>
            </p:cNvPr>
            <p:cNvSpPr txBox="1"/>
            <p:nvPr/>
          </p:nvSpPr>
          <p:spPr>
            <a:xfrm>
              <a:off x="3489399" y="2684186"/>
              <a:ext cx="1541815" cy="36004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GB" sz="1600" dirty="0">
                  <a:solidFill>
                    <a:schemeClr val="bg2">
                      <a:lumMod val="75000"/>
                    </a:schemeClr>
                  </a:solidFill>
                </a:rPr>
                <a:t>Response</a:t>
              </a:r>
            </a:p>
          </p:txBody>
        </p:sp>
      </p:grpSp>
      <p:sp>
        <p:nvSpPr>
          <p:cNvPr id="13" name="Rektangel 12">
            <a:extLst>
              <a:ext uri="{FF2B5EF4-FFF2-40B4-BE49-F238E27FC236}">
                <a16:creationId xmlns:a16="http://schemas.microsoft.com/office/drawing/2014/main" id="{6CF415BB-DD1F-476F-A0F1-9D63846F286E}"/>
              </a:ext>
            </a:extLst>
          </p:cNvPr>
          <p:cNvSpPr/>
          <p:nvPr/>
        </p:nvSpPr>
        <p:spPr>
          <a:xfrm>
            <a:off x="6573029" y="1279841"/>
            <a:ext cx="4712648" cy="3416320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US" dirty="0"/>
              <a:t>Primary findings:</a:t>
            </a:r>
          </a:p>
          <a:p>
            <a:endParaRPr lang="en-US" dirty="0"/>
          </a:p>
          <a:p>
            <a:r>
              <a:rPr lang="en-US" dirty="0"/>
              <a:t>Increase in TILs associated to response</a:t>
            </a:r>
          </a:p>
          <a:p>
            <a:endParaRPr lang="en-US" dirty="0"/>
          </a:p>
          <a:p>
            <a:r>
              <a:rPr lang="en-US" dirty="0"/>
              <a:t>Multivariate analysis</a:t>
            </a:r>
          </a:p>
          <a:p>
            <a:r>
              <a:rPr lang="en-US" dirty="0"/>
              <a:t>TILs change </a:t>
            </a:r>
          </a:p>
          <a:p>
            <a:r>
              <a:rPr lang="en-US" dirty="0"/>
              <a:t>OR 0.71 (95% CI:0.53–0.96) </a:t>
            </a:r>
          </a:p>
          <a:p>
            <a:r>
              <a:rPr lang="en-US" dirty="0"/>
              <a:t>per 10 % increase in TILs </a:t>
            </a:r>
          </a:p>
          <a:p>
            <a:endParaRPr lang="en-US" dirty="0"/>
          </a:p>
          <a:p>
            <a:r>
              <a:rPr lang="en-US" dirty="0"/>
              <a:t>Subtype </a:t>
            </a:r>
          </a:p>
          <a:p>
            <a:r>
              <a:rPr lang="en-US" dirty="0"/>
              <a:t>OR 0.37 (95% CI:0.15–0.91) </a:t>
            </a:r>
          </a:p>
          <a:p>
            <a:r>
              <a:rPr lang="en-US" dirty="0"/>
              <a:t>for non-ductal subtype</a:t>
            </a:r>
          </a:p>
        </p:txBody>
      </p:sp>
    </p:spTree>
    <p:extLst>
      <p:ext uri="{BB962C8B-B14F-4D97-AF65-F5344CB8AC3E}">
        <p14:creationId xmlns:p14="http://schemas.microsoft.com/office/powerpoint/2010/main" val="13946315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72E19CC-1E6C-44FF-91C2-F3EF7A9E26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utations in ER+, HER2 normal breast canc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3E0131F-4D92-4D78-A6AA-B6D83C9389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D89583B0-946D-438A-9BBB-EF4DBB41A43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GB" sz="2000" dirty="0"/>
              <a:t>Increased number of somatic mutations compared to HER2 positive and TNBC</a:t>
            </a:r>
          </a:p>
          <a:p>
            <a:pPr lvl="1"/>
            <a:r>
              <a:rPr lang="en-GB" sz="1600" dirty="0"/>
              <a:t>Heterogenous group in terms of gene expression, genetic alterations and copy number changes </a:t>
            </a:r>
          </a:p>
          <a:p>
            <a:pPr lvl="1"/>
            <a:r>
              <a:rPr lang="en-GB" sz="1600" i="1" dirty="0"/>
              <a:t>PIK3CA </a:t>
            </a:r>
            <a:r>
              <a:rPr lang="en-GB" sz="1600" dirty="0"/>
              <a:t>mutation frequency 25 – 40%</a:t>
            </a:r>
          </a:p>
          <a:p>
            <a:r>
              <a:rPr lang="en-GB" sz="2000" dirty="0"/>
              <a:t>Clinical implications of most driver mutations unknown</a:t>
            </a:r>
            <a:endParaRPr lang="en-GB" sz="2000" i="1" dirty="0"/>
          </a:p>
          <a:p>
            <a:r>
              <a:rPr lang="en-GB" sz="2000" i="1" dirty="0"/>
              <a:t>PIK3CA </a:t>
            </a:r>
            <a:r>
              <a:rPr lang="en-GB" sz="2000" dirty="0"/>
              <a:t>mutations associated with favourable prognosis for ER+, HER2 normal breast cancer patients</a:t>
            </a:r>
          </a:p>
          <a:p>
            <a:pPr lvl="1"/>
            <a:r>
              <a:rPr lang="en-GB" sz="1600" dirty="0"/>
              <a:t>Underlying mechanism unknown</a:t>
            </a:r>
          </a:p>
          <a:p>
            <a:pPr lvl="1"/>
            <a:r>
              <a:rPr lang="en-GB" sz="1600" dirty="0"/>
              <a:t>Domain specific?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23AC2E2E-280C-4B4F-B7EA-D2658734A1DF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 err="1"/>
              <a:t>Koboldt</a:t>
            </a:r>
            <a:r>
              <a:rPr lang="en-US" sz="1000" dirty="0"/>
              <a:t> et al. </a:t>
            </a:r>
            <a:r>
              <a:rPr lang="en-US" sz="1000" i="1" dirty="0"/>
              <a:t>Nature</a:t>
            </a:r>
            <a:r>
              <a:rPr lang="en-US" sz="1000" dirty="0"/>
              <a:t>, 2012, </a:t>
            </a:r>
            <a:r>
              <a:rPr lang="en-US" sz="1000" dirty="0" err="1"/>
              <a:t>Luen</a:t>
            </a:r>
            <a:r>
              <a:rPr lang="en-US" sz="1000" dirty="0"/>
              <a:t> et al, </a:t>
            </a:r>
            <a:r>
              <a:rPr lang="en-US" sz="1000" i="1" dirty="0"/>
              <a:t>JAMA Oncol, 2018,. </a:t>
            </a:r>
            <a:r>
              <a:rPr lang="en-US" sz="1000" dirty="0"/>
              <a:t>Griffith et al, </a:t>
            </a:r>
            <a:r>
              <a:rPr lang="en-US" sz="1000" i="1" dirty="0"/>
              <a:t>Nature, </a:t>
            </a:r>
            <a:r>
              <a:rPr lang="en-US" sz="1000" dirty="0"/>
              <a:t>2018</a:t>
            </a:r>
          </a:p>
        </p:txBody>
      </p:sp>
    </p:spTree>
    <p:extLst>
      <p:ext uri="{BB962C8B-B14F-4D97-AF65-F5344CB8AC3E}">
        <p14:creationId xmlns:p14="http://schemas.microsoft.com/office/powerpoint/2010/main" val="20918114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0BD2D89-A0FE-425B-95CF-C50211D6A9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13</a:t>
            </a:fld>
            <a:endParaRPr lang="en-GB"/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1820414B-80B1-48DD-9463-A18544757591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56" r="6434"/>
          <a:stretch/>
        </p:blipFill>
        <p:spPr>
          <a:xfrm rot="5400000">
            <a:off x="4630998" y="-1383042"/>
            <a:ext cx="5844650" cy="9277353"/>
          </a:xfrm>
          <a:prstGeom prst="rect">
            <a:avLst/>
          </a:prstGeom>
        </p:spPr>
      </p:pic>
      <p:sp>
        <p:nvSpPr>
          <p:cNvPr id="15" name="Pil: højre 14">
            <a:extLst>
              <a:ext uri="{FF2B5EF4-FFF2-40B4-BE49-F238E27FC236}">
                <a16:creationId xmlns:a16="http://schemas.microsoft.com/office/drawing/2014/main" id="{3A75433F-0FFC-4DA2-856F-D8D6E632BFA8}"/>
              </a:ext>
            </a:extLst>
          </p:cNvPr>
          <p:cNvSpPr/>
          <p:nvPr/>
        </p:nvSpPr>
        <p:spPr>
          <a:xfrm>
            <a:off x="2303131" y="1539183"/>
            <a:ext cx="720080" cy="72008"/>
          </a:xfrm>
          <a:prstGeom prst="rightArrow">
            <a:avLst/>
          </a:prstGeom>
          <a:solidFill>
            <a:schemeClr val="accent3"/>
          </a:solidFill>
          <a:ln w="952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>
              <a:solidFill>
                <a:schemeClr val="bg2">
                  <a:lumMod val="75000"/>
                </a:schemeClr>
              </a:solidFill>
            </a:endParaRPr>
          </a:p>
        </p:txBody>
      </p:sp>
      <p:sp>
        <p:nvSpPr>
          <p:cNvPr id="16" name="Pil: højre 15">
            <a:extLst>
              <a:ext uri="{FF2B5EF4-FFF2-40B4-BE49-F238E27FC236}">
                <a16:creationId xmlns:a16="http://schemas.microsoft.com/office/drawing/2014/main" id="{EB328B45-3992-4D4B-B5FB-D996A1C4149E}"/>
              </a:ext>
            </a:extLst>
          </p:cNvPr>
          <p:cNvSpPr/>
          <p:nvPr/>
        </p:nvSpPr>
        <p:spPr>
          <a:xfrm>
            <a:off x="2303131" y="3987455"/>
            <a:ext cx="720080" cy="72008"/>
          </a:xfrm>
          <a:prstGeom prst="rightArrow">
            <a:avLst/>
          </a:prstGeom>
          <a:solidFill>
            <a:schemeClr val="accent3"/>
          </a:solidFill>
          <a:ln w="9525">
            <a:solidFill>
              <a:schemeClr val="accent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>
              <a:solidFill>
                <a:schemeClr val="bg2">
                  <a:lumMod val="75000"/>
                </a:schemeClr>
              </a:solidFill>
            </a:endParaRP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0EDC06EA-1E0D-4B27-9741-B03A39A2E15E}"/>
              </a:ext>
            </a:extLst>
          </p:cNvPr>
          <p:cNvSpPr txBox="1"/>
          <p:nvPr/>
        </p:nvSpPr>
        <p:spPr>
          <a:xfrm>
            <a:off x="1388731" y="1427723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i="1" dirty="0">
                <a:solidFill>
                  <a:schemeClr val="bg2">
                    <a:lumMod val="75000"/>
                  </a:schemeClr>
                </a:solidFill>
              </a:rPr>
              <a:t>PIK3CA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id="{A8C13A8F-0286-4E0A-BF6C-6DFCC18945E1}"/>
              </a:ext>
            </a:extLst>
          </p:cNvPr>
          <p:cNvSpPr txBox="1"/>
          <p:nvPr/>
        </p:nvSpPr>
        <p:spPr>
          <a:xfrm>
            <a:off x="1388731" y="3879443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i="1" dirty="0">
                <a:solidFill>
                  <a:schemeClr val="bg2">
                    <a:lumMod val="75000"/>
                  </a:schemeClr>
                </a:solidFill>
              </a:rPr>
              <a:t>PIK3CA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0592CD97-3A77-4D4B-8F99-47195A86E1DF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Breast Cancer Res Treat, </a:t>
            </a:r>
            <a:r>
              <a:rPr lang="en-US" sz="1000" dirty="0"/>
              <a:t>2020</a:t>
            </a:r>
          </a:p>
        </p:txBody>
      </p:sp>
    </p:spTree>
    <p:extLst>
      <p:ext uri="{BB962C8B-B14F-4D97-AF65-F5344CB8AC3E}">
        <p14:creationId xmlns:p14="http://schemas.microsoft.com/office/powerpoint/2010/main" val="90130084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kstfelt 10">
            <a:extLst>
              <a:ext uri="{FF2B5EF4-FFF2-40B4-BE49-F238E27FC236}">
                <a16:creationId xmlns:a16="http://schemas.microsoft.com/office/drawing/2014/main" id="{E48C897F-A4B4-4536-A65C-CAAF7D73CDEC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Breast Cancer Res Treat, </a:t>
            </a:r>
            <a:r>
              <a:rPr lang="en-US" sz="1000" dirty="0"/>
              <a:t>2020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3A5B477-C4E8-4A61-A09B-0DAD490C74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47AC4B5-2173-45A9-BA06-BCB8AAB6A290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AFFB7CAF-B81E-485C-9F0C-69249DC3437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145"/>
          <a:stretch/>
        </p:blipFill>
        <p:spPr>
          <a:xfrm>
            <a:off x="5768962" y="146504"/>
            <a:ext cx="5860676" cy="509691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157653E5-7FBF-454E-878E-E3A0B2D1B4D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4777" y="2574179"/>
            <a:ext cx="4002639" cy="3790253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BA0F888E-BDF2-4AC7-860E-DABB79C8C884}"/>
              </a:ext>
            </a:extLst>
          </p:cNvPr>
          <p:cNvSpPr/>
          <p:nvPr/>
        </p:nvSpPr>
        <p:spPr>
          <a:xfrm>
            <a:off x="8619155" y="4862203"/>
            <a:ext cx="3481808" cy="1200329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US" dirty="0"/>
              <a:t>Primary findings:</a:t>
            </a:r>
          </a:p>
          <a:p>
            <a:endParaRPr lang="en-GB" dirty="0"/>
          </a:p>
          <a:p>
            <a:r>
              <a:rPr lang="en-GB" dirty="0"/>
              <a:t>No difference between domains in basic characteristics</a:t>
            </a: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AF583B0D-6FD2-4865-8E6D-A6173D002045}"/>
              </a:ext>
            </a:extLst>
          </p:cNvPr>
          <p:cNvSpPr/>
          <p:nvPr/>
        </p:nvSpPr>
        <p:spPr>
          <a:xfrm>
            <a:off x="4123933" y="4154425"/>
            <a:ext cx="1117943" cy="1477328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GB" dirty="0"/>
              <a:t>H1047R</a:t>
            </a:r>
          </a:p>
          <a:p>
            <a:endParaRPr lang="en-GB" dirty="0"/>
          </a:p>
          <a:p>
            <a:r>
              <a:rPr lang="en-GB" dirty="0"/>
              <a:t>and</a:t>
            </a:r>
          </a:p>
          <a:p>
            <a:endParaRPr lang="en-GB" dirty="0"/>
          </a:p>
          <a:p>
            <a:r>
              <a:rPr lang="en-GB" dirty="0"/>
              <a:t>E545K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C5D4CC23-E529-4659-A524-3020D5AF3B9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547" y="622193"/>
            <a:ext cx="10137524" cy="396044"/>
          </a:xfrm>
        </p:spPr>
        <p:txBody>
          <a:bodyPr/>
          <a:lstStyle/>
          <a:p>
            <a:r>
              <a:rPr lang="da-DK" i="1" dirty="0"/>
              <a:t>PIK3CA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912763C-55EB-4967-91AA-16AE661BAAEB}"/>
              </a:ext>
            </a:extLst>
          </p:cNvPr>
          <p:cNvSpPr/>
          <p:nvPr/>
        </p:nvSpPr>
        <p:spPr>
          <a:xfrm>
            <a:off x="579928" y="1245213"/>
            <a:ext cx="4328493" cy="1200329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US" dirty="0"/>
              <a:t>Primary findings:</a:t>
            </a:r>
          </a:p>
          <a:p>
            <a:endParaRPr lang="en-GB" dirty="0"/>
          </a:p>
          <a:p>
            <a:r>
              <a:rPr lang="en-GB" dirty="0"/>
              <a:t>More tumours with a ductal subtype harboured </a:t>
            </a:r>
            <a:r>
              <a:rPr lang="en-GB" i="1" dirty="0"/>
              <a:t>PIK3CA</a:t>
            </a:r>
            <a:r>
              <a:rPr lang="en-GB" dirty="0"/>
              <a:t> mutations</a:t>
            </a:r>
          </a:p>
        </p:txBody>
      </p:sp>
    </p:spTree>
    <p:extLst>
      <p:ext uri="{BB962C8B-B14F-4D97-AF65-F5344CB8AC3E}">
        <p14:creationId xmlns:p14="http://schemas.microsoft.com/office/powerpoint/2010/main" val="117915906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kstfelt 8">
            <a:extLst>
              <a:ext uri="{FF2B5EF4-FFF2-40B4-BE49-F238E27FC236}">
                <a16:creationId xmlns:a16="http://schemas.microsoft.com/office/drawing/2014/main" id="{BC121F64-45B9-486B-8967-60F8B5651ECE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Breast Cancer Res Treat, </a:t>
            </a:r>
            <a:r>
              <a:rPr lang="en-US" sz="1000" dirty="0"/>
              <a:t>2020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7402B72-9D6B-4F52-B2F8-C9210AA5E9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i="1" dirty="0"/>
              <a:t>PIK3CA </a:t>
            </a:r>
            <a:r>
              <a:rPr lang="da-DK" dirty="0"/>
              <a:t>and </a:t>
            </a:r>
            <a:r>
              <a:rPr lang="da-DK" dirty="0" err="1"/>
              <a:t>response</a:t>
            </a:r>
            <a:endParaRPr lang="da-DK" i="1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436A1E7-3B48-4F18-9BED-64FB96FE0B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11F8C10-E332-4FAD-95ED-1C26D020CCD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6738A9EC-D58F-496D-90EB-99F99B2AE42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07773" y="1306790"/>
            <a:ext cx="7953767" cy="4530215"/>
          </a:xfrm>
          <a:prstGeom prst="rect">
            <a:avLst/>
          </a:prstGeom>
        </p:spPr>
      </p:pic>
      <p:sp>
        <p:nvSpPr>
          <p:cNvPr id="7" name="Rektangel 6">
            <a:extLst>
              <a:ext uri="{FF2B5EF4-FFF2-40B4-BE49-F238E27FC236}">
                <a16:creationId xmlns:a16="http://schemas.microsoft.com/office/drawing/2014/main" id="{E83D5595-A217-4A1C-A218-A30B15BB5D23}"/>
              </a:ext>
            </a:extLst>
          </p:cNvPr>
          <p:cNvSpPr/>
          <p:nvPr/>
        </p:nvSpPr>
        <p:spPr>
          <a:xfrm>
            <a:off x="399637" y="2971732"/>
            <a:ext cx="3596001" cy="1200329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3"/>
            </a:solidFill>
          </a:ln>
        </p:spPr>
        <p:txBody>
          <a:bodyPr wrap="square">
            <a:spAutoFit/>
          </a:bodyPr>
          <a:lstStyle/>
          <a:p>
            <a:r>
              <a:rPr lang="en-GB" dirty="0"/>
              <a:t>Primary findings:</a:t>
            </a:r>
          </a:p>
          <a:p>
            <a:endParaRPr lang="en-GB" dirty="0"/>
          </a:p>
          <a:p>
            <a:r>
              <a:rPr lang="en-GB" dirty="0"/>
              <a:t>Instable </a:t>
            </a:r>
            <a:r>
              <a:rPr lang="en-GB" i="1" dirty="0"/>
              <a:t>PIK3CA </a:t>
            </a:r>
            <a:r>
              <a:rPr lang="en-GB" dirty="0"/>
              <a:t>status associated to improved response</a:t>
            </a:r>
          </a:p>
        </p:txBody>
      </p:sp>
    </p:spTree>
    <p:extLst>
      <p:ext uri="{BB962C8B-B14F-4D97-AF65-F5344CB8AC3E}">
        <p14:creationId xmlns:p14="http://schemas.microsoft.com/office/powerpoint/2010/main" val="28372362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DDF642-2DE4-4ADF-8A55-3B56AF266E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ery results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F040681-6D6E-4DE7-8B27-1F86AB8385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99FCCBF-9928-45B2-A76F-66374D596FB8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lvl="1" indent="0">
              <a:buNone/>
            </a:pPr>
            <a:r>
              <a:rPr lang="en-GB" sz="1800" dirty="0">
                <a:solidFill>
                  <a:schemeClr val="bg2">
                    <a:lumMod val="75000"/>
                  </a:schemeClr>
                </a:solidFill>
              </a:rPr>
              <a:t>Study I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dirty="0"/>
              <a:t>Modest pathological and clinical benefit of neoadjuvant endocrine treatment</a:t>
            </a:r>
          </a:p>
          <a:p>
            <a:pPr marL="0" lvl="1" indent="0">
              <a:buNone/>
            </a:pPr>
            <a:r>
              <a:rPr lang="en-GB" sz="1800" dirty="0">
                <a:solidFill>
                  <a:schemeClr val="bg2">
                    <a:lumMod val="75000"/>
                  </a:schemeClr>
                </a:solidFill>
              </a:rPr>
              <a:t>Study II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dirty="0"/>
              <a:t>Increasing TILs </a:t>
            </a:r>
            <a:r>
              <a:rPr lang="en-GB" dirty="0">
                <a:sym typeface="Wingdings" panose="05000000000000000000" pitchFamily="2" charset="2"/>
              </a:rPr>
              <a:t> poor outcome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dirty="0">
                <a:sym typeface="Wingdings" panose="05000000000000000000" pitchFamily="2" charset="2"/>
              </a:rPr>
              <a:t>TILs correlated to Ki67</a:t>
            </a:r>
          </a:p>
          <a:p>
            <a:pPr marL="0" lvl="1" indent="0">
              <a:buNone/>
            </a:pPr>
            <a:r>
              <a:rPr lang="en-GB" sz="1800" dirty="0">
                <a:solidFill>
                  <a:schemeClr val="bg2">
                    <a:lumMod val="75000"/>
                  </a:schemeClr>
                </a:solidFill>
              </a:rPr>
              <a:t>Study III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dirty="0"/>
              <a:t>Heterogenous mutation pattern among patients, and between </a:t>
            </a:r>
            <a:r>
              <a:rPr lang="en-GB" dirty="0" err="1"/>
              <a:t>pretreated</a:t>
            </a:r>
            <a:r>
              <a:rPr lang="en-GB" dirty="0"/>
              <a:t> and treated tissue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dirty="0"/>
              <a:t>Instable tumours possibly have improved response</a:t>
            </a:r>
          </a:p>
        </p:txBody>
      </p:sp>
    </p:spTree>
    <p:extLst>
      <p:ext uri="{BB962C8B-B14F-4D97-AF65-F5344CB8AC3E}">
        <p14:creationId xmlns:p14="http://schemas.microsoft.com/office/powerpoint/2010/main" val="383721210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DDF642-2DE4-4ADF-8A55-3B56AF266E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erspective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F040681-6D6E-4DE7-8B27-1F86AB8385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99FCCBF-9928-45B2-A76F-66374D596FB8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027697" y="1989139"/>
            <a:ext cx="10136615" cy="3498851"/>
          </a:xfrm>
        </p:spPr>
        <p:txBody>
          <a:bodyPr/>
          <a:lstStyle/>
          <a:p>
            <a:pPr marL="0" lvl="1" indent="0">
              <a:buNone/>
            </a:pPr>
            <a:r>
              <a:rPr lang="en-GB" sz="2200" dirty="0">
                <a:solidFill>
                  <a:schemeClr val="accent3"/>
                </a:solidFill>
              </a:rPr>
              <a:t>Upfront endocrine treatment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Perioperative adaptive strategies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Phase III litmus test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Specific clinical settings 	</a:t>
            </a:r>
          </a:p>
          <a:p>
            <a:pPr marL="935977" lvl="3">
              <a:buFont typeface="Arial" panose="020B0604020202020204" pitchFamily="34" charset="0"/>
              <a:buChar char="∙"/>
            </a:pPr>
            <a:r>
              <a:rPr lang="en-GB" sz="1800" dirty="0"/>
              <a:t>Frail patients </a:t>
            </a:r>
          </a:p>
          <a:p>
            <a:pPr marL="935977" lvl="3">
              <a:buFont typeface="Arial" panose="020B0604020202020204" pitchFamily="34" charset="0"/>
              <a:buChar char="∙"/>
            </a:pPr>
            <a:r>
              <a:rPr lang="en-GB" sz="1800" dirty="0"/>
              <a:t>Pandemics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Combined with novel agents</a:t>
            </a:r>
          </a:p>
          <a:p>
            <a:pPr marL="935977" lvl="3">
              <a:buFont typeface="Arial" panose="020B0604020202020204" pitchFamily="34" charset="0"/>
              <a:buChar char="∙"/>
            </a:pPr>
            <a:r>
              <a:rPr lang="en-GB" sz="1800" dirty="0"/>
              <a:t>e.g. CDK4/6 inhibitors</a:t>
            </a:r>
          </a:p>
          <a:p>
            <a:pPr marL="269993" lvl="1">
              <a:buFont typeface="Arial" panose="020B0604020202020204" pitchFamily="34" charset="0"/>
              <a:buChar char="∙"/>
            </a:pPr>
            <a:endParaRPr lang="en-GB" dirty="0"/>
          </a:p>
        </p:txBody>
      </p:sp>
      <p:sp>
        <p:nvSpPr>
          <p:cNvPr id="6" name="Pladsholder til indhold 3">
            <a:extLst>
              <a:ext uri="{FF2B5EF4-FFF2-40B4-BE49-F238E27FC236}">
                <a16:creationId xmlns:a16="http://schemas.microsoft.com/office/drawing/2014/main" id="{60A2AF9E-BA3E-4E27-B16F-C55998C8B1D2}"/>
              </a:ext>
            </a:extLst>
          </p:cNvPr>
          <p:cNvSpPr txBox="1">
            <a:spLocks/>
          </p:cNvSpPr>
          <p:nvPr/>
        </p:nvSpPr>
        <p:spPr>
          <a:xfrm>
            <a:off x="6780004" y="1989139"/>
            <a:ext cx="5412001" cy="34988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r>
              <a:rPr lang="en-GB" sz="2200" dirty="0">
                <a:solidFill>
                  <a:schemeClr val="accent3"/>
                </a:solidFill>
              </a:rPr>
              <a:t>TILs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Adaptive strategies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Allocating patients in clinical trials 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Refine residual disease scoring</a:t>
            </a:r>
          </a:p>
          <a:p>
            <a:pPr marL="575986" lvl="2">
              <a:buFont typeface="Arial" panose="020B0604020202020204" pitchFamily="34" charset="0"/>
              <a:buChar char="∙"/>
            </a:pPr>
            <a:endParaRPr lang="en-GB" sz="2000" dirty="0"/>
          </a:p>
          <a:p>
            <a:pPr marL="0" lvl="1" indent="0">
              <a:buNone/>
            </a:pPr>
            <a:r>
              <a:rPr lang="en-GB" sz="2200" i="1" dirty="0">
                <a:solidFill>
                  <a:schemeClr val="accent3"/>
                </a:solidFill>
              </a:rPr>
              <a:t>PIK3CA</a:t>
            </a:r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PCR and gene assays readily available</a:t>
            </a:r>
            <a:endParaRPr lang="en-GB" sz="2000" i="1" dirty="0"/>
          </a:p>
          <a:p>
            <a:pPr marL="575986" lvl="2">
              <a:buFont typeface="Arial" panose="020B0604020202020204" pitchFamily="34" charset="0"/>
              <a:buChar char="∙"/>
            </a:pPr>
            <a:r>
              <a:rPr lang="en-GB" sz="2000" dirty="0"/>
              <a:t>PI3K inhibitors increasingly used</a:t>
            </a:r>
          </a:p>
          <a:p>
            <a:pPr marL="575986" lvl="2">
              <a:buFont typeface="Arial" panose="020B0604020202020204" pitchFamily="34" charset="0"/>
              <a:buChar char="∙"/>
            </a:pP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27464379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85E836B-0355-4E81-BF33-B1DDE76FB9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EB8A5BE7-CFA3-4E34-9E86-9F3C8B025F3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004" y="1989139"/>
            <a:ext cx="7751833" cy="3498851"/>
          </a:xfrm>
        </p:spPr>
        <p:txBody>
          <a:bodyPr/>
          <a:lstStyle/>
          <a:p>
            <a:pPr marL="0" indent="0" algn="ctr">
              <a:buNone/>
            </a:pPr>
            <a:r>
              <a:rPr lang="en-GB" sz="3200" b="1" dirty="0"/>
              <a:t> </a:t>
            </a:r>
            <a:r>
              <a:rPr lang="en-GB" sz="3200" b="1" dirty="0" err="1"/>
              <a:t>Tak</a:t>
            </a:r>
            <a:r>
              <a:rPr lang="en-GB" sz="3200" b="1" dirty="0"/>
              <a:t> for </a:t>
            </a:r>
            <a:r>
              <a:rPr lang="en-GB" sz="3200" b="1" dirty="0" err="1"/>
              <a:t>opmærksomheden</a:t>
            </a:r>
            <a:endParaRPr lang="en-GB" sz="1600" b="1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DB83727-6789-4DFB-8744-1BC5DD6BC16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36832" y="361086"/>
            <a:ext cx="1311475" cy="1815356"/>
          </a:xfrm>
          <a:prstGeom prst="rect">
            <a:avLst/>
          </a:prstGeom>
        </p:spPr>
      </p:pic>
      <p:pic>
        <p:nvPicPr>
          <p:cNvPr id="9" name="Picture 5" descr="https://intranet.regionh.dk/rh/klinikker/juliane-marie-centret/kommunikation/PublishingImages/Logo_Rigshospitalet_15mm.jpg">
            <a:extLst>
              <a:ext uri="{FF2B5EF4-FFF2-40B4-BE49-F238E27FC236}">
                <a16:creationId xmlns:a16="http://schemas.microsoft.com/office/drawing/2014/main" id="{4466F576-D439-4B33-8B8D-22F20AA5C28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815" y="5487989"/>
            <a:ext cx="2269152" cy="6584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Billede 9" descr="Et billede, der indeholder tekst&#10;&#10;Automatisk genereret beskrivelse">
            <a:extLst>
              <a:ext uri="{FF2B5EF4-FFF2-40B4-BE49-F238E27FC236}">
                <a16:creationId xmlns:a16="http://schemas.microsoft.com/office/drawing/2014/main" id="{D99781F1-5EBF-4E23-A0EB-733D2169DC6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78235" y="5555541"/>
            <a:ext cx="3470072" cy="590879"/>
          </a:xfrm>
          <a:prstGeom prst="rect">
            <a:avLst/>
          </a:prstGeom>
        </p:spPr>
      </p:pic>
      <p:pic>
        <p:nvPicPr>
          <p:cNvPr id="11" name="Picture 2">
            <a:extLst>
              <a:ext uri="{FF2B5EF4-FFF2-40B4-BE49-F238E27FC236}">
                <a16:creationId xmlns:a16="http://schemas.microsoft.com/office/drawing/2014/main" id="{8300A6E3-F5AE-43B9-94B9-758C14328D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232818" y="361086"/>
            <a:ext cx="1000591" cy="818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2" name="Pladsholder til indhold 3">
            <a:extLst>
              <a:ext uri="{FF2B5EF4-FFF2-40B4-BE49-F238E27FC236}">
                <a16:creationId xmlns:a16="http://schemas.microsoft.com/office/drawing/2014/main" id="{400700CD-618F-4DF3-AB33-4E17AF9EEEBE}"/>
              </a:ext>
            </a:extLst>
          </p:cNvPr>
          <p:cNvSpPr txBox="1">
            <a:spLocks/>
          </p:cNvSpPr>
          <p:nvPr/>
        </p:nvSpPr>
        <p:spPr>
          <a:xfrm>
            <a:off x="3287688" y="4005067"/>
            <a:ext cx="4464496" cy="70591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/>
              <a:t>S</a:t>
            </a:r>
            <a:r>
              <a:rPr lang="en-GB" sz="1800" b="1" dirty="0"/>
              <a:t>igne.korsgaard.skriver@regionh.dk</a:t>
            </a:r>
          </a:p>
        </p:txBody>
      </p:sp>
    </p:spTree>
    <p:extLst>
      <p:ext uri="{BB962C8B-B14F-4D97-AF65-F5344CB8AC3E}">
        <p14:creationId xmlns:p14="http://schemas.microsoft.com/office/powerpoint/2010/main" val="15556204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A9182E35-6DFB-4B30-945D-EAF26DD86BF6}"/>
              </a:ext>
            </a:extLst>
          </p:cNvPr>
          <p:cNvSpPr/>
          <p:nvPr/>
        </p:nvSpPr>
        <p:spPr>
          <a:xfrm>
            <a:off x="5" y="5013176"/>
            <a:ext cx="12191999" cy="1844824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B40C75D3-D518-4371-9955-1403063720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im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5825C7B-C5C0-4372-AD59-99366790C2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1A1E4112-3508-48E8-9A17-DFCB4DAAF88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003" y="1989139"/>
            <a:ext cx="3339887" cy="3498851"/>
          </a:xfrm>
        </p:spPr>
        <p:txBody>
          <a:bodyPr/>
          <a:lstStyle/>
          <a:p>
            <a:pPr>
              <a:buFont typeface="Arial" panose="020B0604020202020204" pitchFamily="34" charset="0"/>
              <a:buChar char="∙"/>
            </a:pPr>
            <a:endParaRPr lang="en-US" dirty="0"/>
          </a:p>
          <a:p>
            <a:pPr>
              <a:buFont typeface="Arial" panose="020B0604020202020204" pitchFamily="34" charset="0"/>
              <a:buChar char="∙"/>
            </a:pPr>
            <a:r>
              <a:rPr lang="en-US" dirty="0"/>
              <a:t>Evaluate response to neoadjuvant letrozole</a:t>
            </a:r>
          </a:p>
          <a:p>
            <a:pPr>
              <a:buFont typeface="Arial" panose="020B0604020202020204" pitchFamily="34" charset="0"/>
              <a:buChar char="∙"/>
            </a:pPr>
            <a:endParaRPr lang="en-US" dirty="0"/>
          </a:p>
          <a:p>
            <a:pPr>
              <a:buFont typeface="Arial" panose="020B0604020202020204" pitchFamily="34" charset="0"/>
              <a:buChar char="∙"/>
            </a:pPr>
            <a:r>
              <a:rPr lang="en-US" dirty="0"/>
              <a:t>Predictive biomarkers for benefit from letrozole</a:t>
            </a:r>
            <a:endParaRPr lang="en-GB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BA8A8C05-149A-4B73-9176-90B354389C68}"/>
              </a:ext>
            </a:extLst>
          </p:cNvPr>
          <p:cNvSpPr txBox="1"/>
          <p:nvPr/>
        </p:nvSpPr>
        <p:spPr>
          <a:xfrm>
            <a:off x="7854447" y="6170869"/>
            <a:ext cx="4007147" cy="8017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1100" dirty="0">
                <a:solidFill>
                  <a:srgbClr val="1F4A60"/>
                </a:solidFill>
              </a:rPr>
              <a:t>Original Art©2019, Erin McGee Ferrell. ArtistAMERICAN.COM</a:t>
            </a:r>
            <a:endParaRPr lang="en-US" sz="1100" dirty="0">
              <a:solidFill>
                <a:srgbClr val="021A6F"/>
              </a:solidFill>
            </a:endParaRP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C75BDD1-6207-4670-A027-A116039B27D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87888" y="1566581"/>
            <a:ext cx="6724109" cy="4077499"/>
          </a:xfrm>
          <a:prstGeom prst="rect">
            <a:avLst/>
          </a:prstGeom>
        </p:spPr>
      </p:pic>
      <p:sp>
        <p:nvSpPr>
          <p:cNvPr id="8" name="Undertitel 2">
            <a:extLst>
              <a:ext uri="{FF2B5EF4-FFF2-40B4-BE49-F238E27FC236}">
                <a16:creationId xmlns:a16="http://schemas.microsoft.com/office/drawing/2014/main" id="{04FD6C08-0F53-4B08-B6A1-1F2BDE93F7DE}"/>
              </a:ext>
            </a:extLst>
          </p:cNvPr>
          <p:cNvSpPr txBox="1">
            <a:spLocks/>
          </p:cNvSpPr>
          <p:nvPr/>
        </p:nvSpPr>
        <p:spPr>
          <a:xfrm>
            <a:off x="1367391" y="5985287"/>
            <a:ext cx="5472608" cy="726212"/>
          </a:xfrm>
          <a:prstGeom prst="rect">
            <a:avLst/>
          </a:prstGeom>
        </p:spPr>
        <p:txBody>
          <a:bodyPr/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None/>
            </a:pPr>
            <a:r>
              <a:rPr lang="en-GB" sz="1800" b="1" dirty="0">
                <a:solidFill>
                  <a:srgbClr val="1F4A60"/>
                </a:solidFill>
              </a:rPr>
              <a:t>Signe.korsgaard.skriver@regionh.dk</a:t>
            </a:r>
          </a:p>
          <a:p>
            <a:pPr marL="0" indent="0">
              <a:buNone/>
            </a:pPr>
            <a:br>
              <a:rPr lang="en-GB" sz="1100" dirty="0"/>
            </a:br>
            <a:r>
              <a:rPr lang="en-GB" sz="1100" dirty="0"/>
              <a:t>			</a:t>
            </a:r>
            <a:endParaRPr lang="en-GB" sz="1100" i="1" dirty="0"/>
          </a:p>
        </p:txBody>
      </p:sp>
    </p:spTree>
    <p:extLst>
      <p:ext uri="{BB962C8B-B14F-4D97-AF65-F5344CB8AC3E}">
        <p14:creationId xmlns:p14="http://schemas.microsoft.com/office/powerpoint/2010/main" val="35150846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466257-91A3-4ACE-9232-3890D70C28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terial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05398A60-55FB-4594-BF83-1B80D82A4C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82D5B408-6AEA-4832-ABA0-912761B334B9}"/>
              </a:ext>
            </a:extLst>
          </p:cNvPr>
          <p:cNvSpPr txBox="1">
            <a:spLocks/>
          </p:cNvSpPr>
          <p:nvPr/>
        </p:nvSpPr>
        <p:spPr>
          <a:xfrm>
            <a:off x="1367395" y="1679575"/>
            <a:ext cx="9541911" cy="34988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∙"/>
            </a:pPr>
            <a:r>
              <a:rPr lang="en-GB" dirty="0"/>
              <a:t>The “Randomized trial of Endocrine therapy Against Locoregional first” (REAL) study</a:t>
            </a:r>
          </a:p>
          <a:p>
            <a:pPr marL="0" indent="0">
              <a:buNone/>
            </a:pPr>
            <a:endParaRPr lang="en-GB" dirty="0"/>
          </a:p>
          <a:p>
            <a:pPr>
              <a:buFont typeface="Arial" panose="020B0604020202020204" pitchFamily="34" charset="0"/>
              <a:buChar char="∙"/>
            </a:pPr>
            <a:r>
              <a:rPr lang="en-GB" dirty="0"/>
              <a:t>Neoadjuvant letrozole vs. adjuvant letrozole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dirty="0"/>
              <a:t>Initiated 2009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dirty="0"/>
              <a:t>Endpoint overall survival</a:t>
            </a:r>
          </a:p>
          <a:p>
            <a:pPr>
              <a:buFont typeface="Arial" panose="020B0604020202020204" pitchFamily="34" charset="0"/>
              <a:buChar char="∙"/>
            </a:pPr>
            <a:endParaRPr lang="en-GB" dirty="0"/>
          </a:p>
        </p:txBody>
      </p:sp>
      <p:pic>
        <p:nvPicPr>
          <p:cNvPr id="25" name="Pladsholder til indhold 6">
            <a:extLst>
              <a:ext uri="{FF2B5EF4-FFF2-40B4-BE49-F238E27FC236}">
                <a16:creationId xmlns:a16="http://schemas.microsoft.com/office/drawing/2014/main" id="{1B85B543-761A-4D08-9C4E-EE8D8251A28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911" t="-1" r="50495" b="44067"/>
          <a:stretch/>
        </p:blipFill>
        <p:spPr>
          <a:xfrm>
            <a:off x="8749758" y="2331532"/>
            <a:ext cx="3336957" cy="3448749"/>
          </a:xfrm>
          <a:prstGeom prst="rect">
            <a:avLst/>
          </a:prstGeom>
        </p:spPr>
      </p:pic>
      <p:pic>
        <p:nvPicPr>
          <p:cNvPr id="27" name="Billede 26">
            <a:extLst>
              <a:ext uri="{FF2B5EF4-FFF2-40B4-BE49-F238E27FC236}">
                <a16:creationId xmlns:a16="http://schemas.microsoft.com/office/drawing/2014/main" id="{31B3479F-86B6-4ED4-B627-374C5C40091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18236" y="404667"/>
            <a:ext cx="1485827" cy="11756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57292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6610111-15C6-4088-9A6F-17438343B3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atients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38190ED-8BBA-4F6F-B0C0-A883E360B5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C1C289E-8DB3-45AD-AEB9-27C8826D200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708360" y="1484784"/>
            <a:ext cx="4320481" cy="3498851"/>
          </a:xfrm>
        </p:spPr>
        <p:txBody>
          <a:bodyPr/>
          <a:lstStyle/>
          <a:p>
            <a:pPr marL="0" indent="0">
              <a:buNone/>
            </a:pPr>
            <a:r>
              <a:rPr lang="en-GB" dirty="0"/>
              <a:t>Inclusion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Postmenopausal women ≥ 60 years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Histological confirmed, invasive, operable breast cancer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Estrogen Receptor positive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HER2 normal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≥ 1 cm tumour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ECOG score 0 – 2 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 err="1"/>
              <a:t>Charlson</a:t>
            </a:r>
            <a:r>
              <a:rPr lang="en-GB" sz="1600" dirty="0"/>
              <a:t> Comorbidity index 0 – 2</a:t>
            </a:r>
            <a:endParaRPr lang="en-GB" sz="2800" dirty="0"/>
          </a:p>
        </p:txBody>
      </p:sp>
      <p:sp>
        <p:nvSpPr>
          <p:cNvPr id="23" name="Pladsholder til indhold 3">
            <a:extLst>
              <a:ext uri="{FF2B5EF4-FFF2-40B4-BE49-F238E27FC236}">
                <a16:creationId xmlns:a16="http://schemas.microsoft.com/office/drawing/2014/main" id="{D7B0CA8F-2210-4430-8780-E1845AFE515F}"/>
              </a:ext>
            </a:extLst>
          </p:cNvPr>
          <p:cNvSpPr txBox="1">
            <a:spLocks/>
          </p:cNvSpPr>
          <p:nvPr/>
        </p:nvSpPr>
        <p:spPr>
          <a:xfrm>
            <a:off x="708359" y="4983637"/>
            <a:ext cx="2867364" cy="11816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dirty="0"/>
              <a:t>Exclusion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Prior cytotoxic treatment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Prior malignant disease</a:t>
            </a:r>
          </a:p>
          <a:p>
            <a:endParaRPr lang="en-GB" dirty="0"/>
          </a:p>
        </p:txBody>
      </p:sp>
      <p:grpSp>
        <p:nvGrpSpPr>
          <p:cNvPr id="7" name="Gruppe 6">
            <a:extLst>
              <a:ext uri="{FF2B5EF4-FFF2-40B4-BE49-F238E27FC236}">
                <a16:creationId xmlns:a16="http://schemas.microsoft.com/office/drawing/2014/main" id="{D6923E6F-EE62-4287-BFDF-6FBBDA7729D4}"/>
              </a:ext>
            </a:extLst>
          </p:cNvPr>
          <p:cNvGrpSpPr/>
          <p:nvPr/>
        </p:nvGrpSpPr>
        <p:grpSpPr>
          <a:xfrm>
            <a:off x="4211049" y="2420893"/>
            <a:ext cx="7251883" cy="2357711"/>
            <a:chOff x="3559954" y="3704202"/>
            <a:chExt cx="7251883" cy="2357711"/>
          </a:xfrm>
        </p:grpSpPr>
        <p:sp>
          <p:nvSpPr>
            <p:cNvPr id="8" name="Rektangel: afrundede hjørner 7">
              <a:extLst>
                <a:ext uri="{FF2B5EF4-FFF2-40B4-BE49-F238E27FC236}">
                  <a16:creationId xmlns:a16="http://schemas.microsoft.com/office/drawing/2014/main" id="{46A5C697-DDB2-4A9A-A5C7-8098D5FACFB1}"/>
                </a:ext>
              </a:extLst>
            </p:cNvPr>
            <p:cNvSpPr/>
            <p:nvPr/>
          </p:nvSpPr>
          <p:spPr>
            <a:xfrm>
              <a:off x="9667043" y="4649436"/>
              <a:ext cx="926431" cy="570879"/>
            </a:xfrm>
            <a:prstGeom prst="roundRect">
              <a:avLst/>
            </a:prstGeom>
            <a:solidFill>
              <a:srgbClr val="99D7F6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GB" sz="1400" dirty="0"/>
                <a:t>10 years</a:t>
              </a:r>
            </a:p>
            <a:p>
              <a:pPr algn="ctr"/>
              <a:r>
                <a:rPr lang="en-GB" sz="1400" dirty="0"/>
                <a:t>follow up</a:t>
              </a:r>
            </a:p>
          </p:txBody>
        </p:sp>
        <p:sp>
          <p:nvSpPr>
            <p:cNvPr id="9" name="Rektangel: afrundede hjørner 8">
              <a:extLst>
                <a:ext uri="{FF2B5EF4-FFF2-40B4-BE49-F238E27FC236}">
                  <a16:creationId xmlns:a16="http://schemas.microsoft.com/office/drawing/2014/main" id="{1927EBDD-1721-4FD0-9B57-15627CBDA3FD}"/>
                </a:ext>
              </a:extLst>
            </p:cNvPr>
            <p:cNvSpPr/>
            <p:nvPr/>
          </p:nvSpPr>
          <p:spPr>
            <a:xfrm>
              <a:off x="8425301" y="4649436"/>
              <a:ext cx="926431" cy="570879"/>
            </a:xfrm>
            <a:prstGeom prst="roundRect">
              <a:avLst/>
            </a:prstGeom>
            <a:solidFill>
              <a:srgbClr val="99D7F6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GB" sz="1400" dirty="0"/>
                <a:t>5 years</a:t>
              </a:r>
            </a:p>
            <a:p>
              <a:pPr algn="ctr"/>
              <a:r>
                <a:rPr lang="en-GB" sz="1400" dirty="0"/>
                <a:t>letrozole</a:t>
              </a:r>
            </a:p>
          </p:txBody>
        </p:sp>
        <p:grpSp>
          <p:nvGrpSpPr>
            <p:cNvPr id="10" name="Gruppe 9">
              <a:extLst>
                <a:ext uri="{FF2B5EF4-FFF2-40B4-BE49-F238E27FC236}">
                  <a16:creationId xmlns:a16="http://schemas.microsoft.com/office/drawing/2014/main" id="{851E325B-04A8-4E50-9C71-20CFAEB93A4F}"/>
                </a:ext>
              </a:extLst>
            </p:cNvPr>
            <p:cNvGrpSpPr/>
            <p:nvPr/>
          </p:nvGrpSpPr>
          <p:grpSpPr>
            <a:xfrm>
              <a:off x="3559954" y="3704202"/>
              <a:ext cx="7251883" cy="2357711"/>
              <a:chOff x="3547793" y="3696429"/>
              <a:chExt cx="7251883" cy="2357711"/>
            </a:xfrm>
          </p:grpSpPr>
          <p:grpSp>
            <p:nvGrpSpPr>
              <p:cNvPr id="11" name="Gruppe 10">
                <a:extLst>
                  <a:ext uri="{FF2B5EF4-FFF2-40B4-BE49-F238E27FC236}">
                    <a16:creationId xmlns:a16="http://schemas.microsoft.com/office/drawing/2014/main" id="{DD809512-10E3-44F6-A551-01364F8F1E56}"/>
                  </a:ext>
                </a:extLst>
              </p:cNvPr>
              <p:cNvGrpSpPr/>
              <p:nvPr/>
            </p:nvGrpSpPr>
            <p:grpSpPr>
              <a:xfrm>
                <a:off x="4285162" y="3696429"/>
                <a:ext cx="6514514" cy="2357711"/>
                <a:chOff x="5791831" y="2514935"/>
                <a:chExt cx="6514514" cy="2357711"/>
              </a:xfrm>
              <a:solidFill>
                <a:srgbClr val="066398"/>
              </a:solidFill>
            </p:grpSpPr>
            <p:sp>
              <p:nvSpPr>
                <p:cNvPr id="14" name="Rektangel: afrundede hjørner 13">
                  <a:extLst>
                    <a:ext uri="{FF2B5EF4-FFF2-40B4-BE49-F238E27FC236}">
                      <a16:creationId xmlns:a16="http://schemas.microsoft.com/office/drawing/2014/main" id="{D1959DB8-289D-45CE-AF38-F82F02FA6C07}"/>
                    </a:ext>
                  </a:extLst>
                </p:cNvPr>
                <p:cNvSpPr/>
                <p:nvPr/>
              </p:nvSpPr>
              <p:spPr>
                <a:xfrm>
                  <a:off x="5791831" y="3284159"/>
                  <a:ext cx="327563" cy="742454"/>
                </a:xfrm>
                <a:prstGeom prst="roundRect">
                  <a:avLst/>
                </a:prstGeom>
                <a:grpFill/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dirty="0"/>
                    <a:t>R</a:t>
                  </a:r>
                </a:p>
              </p:txBody>
            </p:sp>
            <p:cxnSp>
              <p:nvCxnSpPr>
                <p:cNvPr id="15" name="Lige pilforbindelse 14">
                  <a:extLst>
                    <a:ext uri="{FF2B5EF4-FFF2-40B4-BE49-F238E27FC236}">
                      <a16:creationId xmlns:a16="http://schemas.microsoft.com/office/drawing/2014/main" id="{3240A917-32B9-4E3F-9541-AB55BEFDC4C5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6275145" y="2910979"/>
                  <a:ext cx="492846" cy="307632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  <p:cxnSp>
              <p:nvCxnSpPr>
                <p:cNvPr id="16" name="Lige pilforbindelse 15">
                  <a:extLst>
                    <a:ext uri="{FF2B5EF4-FFF2-40B4-BE49-F238E27FC236}">
                      <a16:creationId xmlns:a16="http://schemas.microsoft.com/office/drawing/2014/main" id="{D6F8D3DB-E070-43B3-8AF9-E621383636B3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6282600" y="4119824"/>
                  <a:ext cx="494523" cy="303323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  <p:sp>
              <p:nvSpPr>
                <p:cNvPr id="17" name="Rektangel: afrundede hjørner 16">
                  <a:extLst>
                    <a:ext uri="{FF2B5EF4-FFF2-40B4-BE49-F238E27FC236}">
                      <a16:creationId xmlns:a16="http://schemas.microsoft.com/office/drawing/2014/main" id="{D836F1E7-A008-4BA4-B170-9212DBF0D442}"/>
                    </a:ext>
                  </a:extLst>
                </p:cNvPr>
                <p:cNvSpPr/>
                <p:nvPr/>
              </p:nvSpPr>
              <p:spPr>
                <a:xfrm>
                  <a:off x="6976300" y="2514935"/>
                  <a:ext cx="762325" cy="752822"/>
                </a:xfrm>
                <a:prstGeom prst="roundRect">
                  <a:avLst/>
                </a:prstGeom>
                <a:grpFill/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sz="1400" dirty="0"/>
                    <a:t>Surgery</a:t>
                  </a:r>
                  <a:endParaRPr lang="en-GB" dirty="0"/>
                </a:p>
              </p:txBody>
            </p:sp>
            <p:sp>
              <p:nvSpPr>
                <p:cNvPr id="18" name="Rektangel: afrundede hjørner 17">
                  <a:extLst>
                    <a:ext uri="{FF2B5EF4-FFF2-40B4-BE49-F238E27FC236}">
                      <a16:creationId xmlns:a16="http://schemas.microsoft.com/office/drawing/2014/main" id="{61A32E21-A5E6-4AD4-9763-EE2B3ABD06A2}"/>
                    </a:ext>
                  </a:extLst>
                </p:cNvPr>
                <p:cNvSpPr/>
                <p:nvPr/>
              </p:nvSpPr>
              <p:spPr>
                <a:xfrm>
                  <a:off x="6976300" y="4119824"/>
                  <a:ext cx="762325" cy="752822"/>
                </a:xfrm>
                <a:prstGeom prst="roundRect">
                  <a:avLst/>
                </a:prstGeom>
                <a:grpFill/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sz="1400" dirty="0"/>
                    <a:t>letrozole</a:t>
                  </a:r>
                </a:p>
              </p:txBody>
            </p:sp>
            <p:sp>
              <p:nvSpPr>
                <p:cNvPr id="19" name="Rektangel: afrundede hjørner 18">
                  <a:extLst>
                    <a:ext uri="{FF2B5EF4-FFF2-40B4-BE49-F238E27FC236}">
                      <a16:creationId xmlns:a16="http://schemas.microsoft.com/office/drawing/2014/main" id="{BF749021-4A73-4CCC-A038-38D5A44EAD02}"/>
                    </a:ext>
                  </a:extLst>
                </p:cNvPr>
                <p:cNvSpPr/>
                <p:nvPr/>
              </p:nvSpPr>
              <p:spPr>
                <a:xfrm>
                  <a:off x="8141923" y="2534568"/>
                  <a:ext cx="762325" cy="752822"/>
                </a:xfrm>
                <a:prstGeom prst="roundRect">
                  <a:avLst/>
                </a:prstGeom>
                <a:grpFill/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sz="1400" dirty="0"/>
                    <a:t>letrozole</a:t>
                  </a:r>
                  <a:endParaRPr lang="en-GB" dirty="0"/>
                </a:p>
              </p:txBody>
            </p:sp>
            <p:sp>
              <p:nvSpPr>
                <p:cNvPr id="20" name="Rektangel: afrundede hjørner 19">
                  <a:extLst>
                    <a:ext uri="{FF2B5EF4-FFF2-40B4-BE49-F238E27FC236}">
                      <a16:creationId xmlns:a16="http://schemas.microsoft.com/office/drawing/2014/main" id="{2074FBE1-8910-40FF-9E8A-2848B90B81F1}"/>
                    </a:ext>
                  </a:extLst>
                </p:cNvPr>
                <p:cNvSpPr/>
                <p:nvPr/>
              </p:nvSpPr>
              <p:spPr>
                <a:xfrm>
                  <a:off x="9026793" y="4160529"/>
                  <a:ext cx="762325" cy="712117"/>
                </a:xfrm>
                <a:prstGeom prst="roundRect">
                  <a:avLst/>
                </a:prstGeom>
                <a:grpFill/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sz="1400" dirty="0"/>
                    <a:t>Surgery</a:t>
                  </a:r>
                  <a:endParaRPr lang="en-GB" dirty="0"/>
                </a:p>
              </p:txBody>
            </p:sp>
            <p:cxnSp>
              <p:nvCxnSpPr>
                <p:cNvPr id="22" name="Lige pilforbindelse 21">
                  <a:extLst>
                    <a:ext uri="{FF2B5EF4-FFF2-40B4-BE49-F238E27FC236}">
                      <a16:creationId xmlns:a16="http://schemas.microsoft.com/office/drawing/2014/main" id="{1C2EE149-E06B-40E9-8310-B8201FDA9D7A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8984304" y="2910979"/>
                  <a:ext cx="3322041" cy="0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  <p:cxnSp>
              <p:nvCxnSpPr>
                <p:cNvPr id="24" name="Lige pilforbindelse 23">
                  <a:extLst>
                    <a:ext uri="{FF2B5EF4-FFF2-40B4-BE49-F238E27FC236}">
                      <a16:creationId xmlns:a16="http://schemas.microsoft.com/office/drawing/2014/main" id="{B7ACE3C3-8CF5-49A1-B109-BEEF2DB53FF2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9862657" y="4540980"/>
                  <a:ext cx="2443688" cy="0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  <p:cxnSp>
              <p:nvCxnSpPr>
                <p:cNvPr id="25" name="Lige pilforbindelse 24">
                  <a:extLst>
                    <a:ext uri="{FF2B5EF4-FFF2-40B4-BE49-F238E27FC236}">
                      <a16:creationId xmlns:a16="http://schemas.microsoft.com/office/drawing/2014/main" id="{8270F1D4-22A7-4515-BAC7-81A0F0C997D9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7781114" y="4560498"/>
                  <a:ext cx="1203190" cy="0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  <p:sp>
              <p:nvSpPr>
                <p:cNvPr id="26" name="Rektangel: afrundede hjørner 25">
                  <a:extLst>
                    <a:ext uri="{FF2B5EF4-FFF2-40B4-BE49-F238E27FC236}">
                      <a16:creationId xmlns:a16="http://schemas.microsoft.com/office/drawing/2014/main" id="{6BE497DD-38FA-4B4A-B2FE-45AC5CEF0E54}"/>
                    </a:ext>
                  </a:extLst>
                </p:cNvPr>
                <p:cNvSpPr/>
                <p:nvPr/>
              </p:nvSpPr>
              <p:spPr>
                <a:xfrm>
                  <a:off x="7948443" y="4073463"/>
                  <a:ext cx="800759" cy="396044"/>
                </a:xfrm>
                <a:prstGeom prst="roundRect">
                  <a:avLst/>
                </a:prstGeom>
                <a:solidFill>
                  <a:srgbClr val="99D7F6"/>
                </a:solidFill>
                <a:ln w="9525">
                  <a:solidFill>
                    <a:srgbClr val="1F4A6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r>
                    <a:rPr lang="en-GB" sz="1400" dirty="0"/>
                    <a:t>4 months</a:t>
                  </a:r>
                </a:p>
              </p:txBody>
            </p:sp>
            <p:cxnSp>
              <p:nvCxnSpPr>
                <p:cNvPr id="27" name="Lige pilforbindelse 26">
                  <a:extLst>
                    <a:ext uri="{FF2B5EF4-FFF2-40B4-BE49-F238E27FC236}">
                      <a16:creationId xmlns:a16="http://schemas.microsoft.com/office/drawing/2014/main" id="{94347DFD-DFC9-4EDA-B604-81AF9BB30E41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7832176" y="2910979"/>
                  <a:ext cx="216196" cy="0"/>
                </a:xfrm>
                <a:prstGeom prst="straightConnector1">
                  <a:avLst/>
                </a:prstGeom>
                <a:grpFill/>
                <a:ln w="57150">
                  <a:solidFill>
                    <a:srgbClr val="1F4A60"/>
                  </a:solidFill>
                  <a:tailEnd type="triangle"/>
                </a:ln>
              </p:spPr>
              <p:style>
                <a:lnRef idx="1">
                  <a:schemeClr val="accent2"/>
                </a:lnRef>
                <a:fillRef idx="0">
                  <a:schemeClr val="accent2"/>
                </a:fillRef>
                <a:effectRef idx="0">
                  <a:schemeClr val="accent2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12" name="Rektangel: afrundede hjørner 11">
                <a:extLst>
                  <a:ext uri="{FF2B5EF4-FFF2-40B4-BE49-F238E27FC236}">
                    <a16:creationId xmlns:a16="http://schemas.microsoft.com/office/drawing/2014/main" id="{2B2856DB-BB82-4F55-BF50-4AC8CC3C8C1F}"/>
                  </a:ext>
                </a:extLst>
              </p:cNvPr>
              <p:cNvSpPr/>
              <p:nvPr/>
            </p:nvSpPr>
            <p:spPr>
              <a:xfrm>
                <a:off x="3547793" y="4468884"/>
                <a:ext cx="328227" cy="742454"/>
              </a:xfrm>
              <a:prstGeom prst="roundRect">
                <a:avLst/>
              </a:prstGeom>
              <a:solidFill>
                <a:srgbClr val="066398"/>
              </a:solidFill>
              <a:ln w="9525">
                <a:solidFill>
                  <a:srgbClr val="1F4A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pPr algn="ctr"/>
                <a:r>
                  <a:rPr lang="en-GB" dirty="0"/>
                  <a:t>B</a:t>
                </a:r>
              </a:p>
            </p:txBody>
          </p:sp>
          <p:cxnSp>
            <p:nvCxnSpPr>
              <p:cNvPr id="13" name="Lige pilforbindelse 12">
                <a:extLst>
                  <a:ext uri="{FF2B5EF4-FFF2-40B4-BE49-F238E27FC236}">
                    <a16:creationId xmlns:a16="http://schemas.microsoft.com/office/drawing/2014/main" id="{DF205921-7E1C-4A54-8134-85F26BEDA814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3942439" y="4884330"/>
                <a:ext cx="288204" cy="9219"/>
              </a:xfrm>
              <a:prstGeom prst="straightConnector1">
                <a:avLst/>
              </a:prstGeom>
              <a:solidFill>
                <a:srgbClr val="066398"/>
              </a:solidFill>
              <a:ln w="57150">
                <a:solidFill>
                  <a:srgbClr val="1F4A60"/>
                </a:solidFill>
                <a:tailEnd type="triangle"/>
              </a:ln>
            </p:spPr>
            <p:style>
              <a:lnRef idx="1">
                <a:schemeClr val="accent2"/>
              </a:lnRef>
              <a:fillRef idx="0">
                <a:schemeClr val="accent2"/>
              </a:fillRef>
              <a:effectRef idx="0">
                <a:schemeClr val="accent2"/>
              </a:effectRef>
              <a:fontRef idx="minor">
                <a:schemeClr val="tx1"/>
              </a:fontRef>
            </p:style>
          </p:cxnSp>
        </p:grpSp>
      </p:grpSp>
    </p:spTree>
    <p:extLst>
      <p:ext uri="{BB962C8B-B14F-4D97-AF65-F5344CB8AC3E}">
        <p14:creationId xmlns:p14="http://schemas.microsoft.com/office/powerpoint/2010/main" val="7460178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9AC367-4DD1-4136-9FE2-D1986C48A2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aterials, PhD project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1E1B065-C7C6-4097-AB41-3D0E0F40DF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44" name="Rektangel 43">
            <a:extLst>
              <a:ext uri="{FF2B5EF4-FFF2-40B4-BE49-F238E27FC236}">
                <a16:creationId xmlns:a16="http://schemas.microsoft.com/office/drawing/2014/main" id="{D092A8C7-4A87-457F-8C3C-26278AA6B63E}"/>
              </a:ext>
            </a:extLst>
          </p:cNvPr>
          <p:cNvSpPr/>
          <p:nvPr/>
        </p:nvSpPr>
        <p:spPr>
          <a:xfrm>
            <a:off x="9523663" y="4878776"/>
            <a:ext cx="2508864" cy="1102417"/>
          </a:xfrm>
          <a:prstGeom prst="rect">
            <a:avLst/>
          </a:prstGeom>
          <a:solidFill>
            <a:schemeClr val="bg1">
              <a:alpha val="8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6E08E1BA-E36D-4B03-9627-C20CBDE6598B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729071" y="1594389"/>
            <a:ext cx="10136615" cy="3498851"/>
          </a:xfrm>
        </p:spPr>
        <p:txBody>
          <a:bodyPr/>
          <a:lstStyle/>
          <a:p>
            <a:pPr>
              <a:buFont typeface="Arial" panose="020B0604020202020204" pitchFamily="34" charset="0"/>
              <a:buChar char="∙"/>
            </a:pPr>
            <a:endParaRPr lang="en-GB" sz="1600" dirty="0"/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Data and patient samples from the neoadjuvant arm </a:t>
            </a:r>
          </a:p>
          <a:p>
            <a:pPr lvl="1">
              <a:buFont typeface="Arial" panose="020B0604020202020204" pitchFamily="34" charset="0"/>
              <a:buChar char="∙"/>
            </a:pPr>
            <a:r>
              <a:rPr lang="en-GB" sz="1600" dirty="0"/>
              <a:t>Randomized and “</a:t>
            </a:r>
            <a:r>
              <a:rPr lang="en-GB" sz="1600" dirty="0" err="1"/>
              <a:t>selvvælgere</a:t>
            </a:r>
            <a:r>
              <a:rPr lang="en-GB" sz="1600" dirty="0"/>
              <a:t>”</a:t>
            </a:r>
          </a:p>
          <a:p>
            <a:pPr lvl="1">
              <a:buFont typeface="Arial" panose="020B0604020202020204" pitchFamily="34" charset="0"/>
              <a:buChar char="∙"/>
            </a:pPr>
            <a:r>
              <a:rPr lang="en-GB" sz="1600" dirty="0"/>
              <a:t>Data from DBCG database</a:t>
            </a:r>
          </a:p>
          <a:p>
            <a:pPr lvl="1">
              <a:buFont typeface="Arial" panose="020B0604020202020204" pitchFamily="34" charset="0"/>
              <a:buChar char="∙"/>
            </a:pPr>
            <a:r>
              <a:rPr lang="en-GB" sz="1600" dirty="0"/>
              <a:t>Tissue 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 sz="1600" dirty="0"/>
              <a:t>Endpoint: response at surgery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FE72035B-BD62-4438-A8DC-7B53C2473361}"/>
              </a:ext>
            </a:extLst>
          </p:cNvPr>
          <p:cNvSpPr/>
          <p:nvPr/>
        </p:nvSpPr>
        <p:spPr>
          <a:xfrm>
            <a:off x="9168273" y="4314145"/>
            <a:ext cx="2643783" cy="1558199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GB" dirty="0" err="1"/>
          </a:p>
        </p:txBody>
      </p:sp>
      <p:grpSp>
        <p:nvGrpSpPr>
          <p:cNvPr id="73" name="Gruppe 72">
            <a:extLst>
              <a:ext uri="{FF2B5EF4-FFF2-40B4-BE49-F238E27FC236}">
                <a16:creationId xmlns:a16="http://schemas.microsoft.com/office/drawing/2014/main" id="{AE9F8608-2FCE-499D-A383-B83A7BE1D65A}"/>
              </a:ext>
            </a:extLst>
          </p:cNvPr>
          <p:cNvGrpSpPr/>
          <p:nvPr/>
        </p:nvGrpSpPr>
        <p:grpSpPr>
          <a:xfrm>
            <a:off x="881217" y="4616657"/>
            <a:ext cx="3999251" cy="866137"/>
            <a:chOff x="4414975" y="5218340"/>
            <a:chExt cx="3999251" cy="866137"/>
          </a:xfrm>
        </p:grpSpPr>
        <p:grpSp>
          <p:nvGrpSpPr>
            <p:cNvPr id="74" name="Gruppe 73">
              <a:extLst>
                <a:ext uri="{FF2B5EF4-FFF2-40B4-BE49-F238E27FC236}">
                  <a16:creationId xmlns:a16="http://schemas.microsoft.com/office/drawing/2014/main" id="{5EEE3094-C12F-4F82-A817-938DAA4E2A5B}"/>
                </a:ext>
              </a:extLst>
            </p:cNvPr>
            <p:cNvGrpSpPr/>
            <p:nvPr/>
          </p:nvGrpSpPr>
          <p:grpSpPr>
            <a:xfrm>
              <a:off x="4856680" y="5218340"/>
              <a:ext cx="3557546" cy="835800"/>
              <a:chOff x="6363349" y="4036846"/>
              <a:chExt cx="3557546" cy="835800"/>
            </a:xfrm>
            <a:solidFill>
              <a:srgbClr val="066398"/>
            </a:solidFill>
          </p:grpSpPr>
          <p:cxnSp>
            <p:nvCxnSpPr>
              <p:cNvPr id="79" name="Lige pilforbindelse 78">
                <a:extLst>
                  <a:ext uri="{FF2B5EF4-FFF2-40B4-BE49-F238E27FC236}">
                    <a16:creationId xmlns:a16="http://schemas.microsoft.com/office/drawing/2014/main" id="{A2CA4A00-605B-4D46-9A0E-76C13EF27160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363349" y="4560498"/>
                <a:ext cx="485782" cy="0"/>
              </a:xfrm>
              <a:prstGeom prst="straightConnector1">
                <a:avLst/>
              </a:prstGeom>
              <a:grpFill/>
              <a:ln w="57150">
                <a:solidFill>
                  <a:srgbClr val="1F4A60"/>
                </a:solidFill>
                <a:tailEnd type="triangle"/>
              </a:ln>
            </p:spPr>
            <p:style>
              <a:lnRef idx="1">
                <a:schemeClr val="accent2"/>
              </a:lnRef>
              <a:fillRef idx="0">
                <a:schemeClr val="accent2"/>
              </a:fillRef>
              <a:effectRef idx="0">
                <a:schemeClr val="accent2"/>
              </a:effectRef>
              <a:fontRef idx="minor">
                <a:schemeClr val="tx1"/>
              </a:fontRef>
            </p:style>
          </p:cxnSp>
          <p:sp>
            <p:nvSpPr>
              <p:cNvPr id="81" name="Rektangel: afrundede hjørner 80">
                <a:extLst>
                  <a:ext uri="{FF2B5EF4-FFF2-40B4-BE49-F238E27FC236}">
                    <a16:creationId xmlns:a16="http://schemas.microsoft.com/office/drawing/2014/main" id="{51D5F5FE-B0DF-455C-96B2-41F3E7A36496}"/>
                  </a:ext>
                </a:extLst>
              </p:cNvPr>
              <p:cNvSpPr/>
              <p:nvPr/>
            </p:nvSpPr>
            <p:spPr>
              <a:xfrm>
                <a:off x="6976300" y="4119824"/>
                <a:ext cx="762325" cy="752822"/>
              </a:xfrm>
              <a:prstGeom prst="roundRect">
                <a:avLst/>
              </a:prstGeom>
              <a:grpFill/>
              <a:ln w="9525">
                <a:solidFill>
                  <a:srgbClr val="1F4A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pPr algn="ctr"/>
                <a:r>
                  <a:rPr lang="en-GB" sz="1400" dirty="0"/>
                  <a:t>letrozole</a:t>
                </a:r>
              </a:p>
            </p:txBody>
          </p:sp>
          <p:sp>
            <p:nvSpPr>
              <p:cNvPr id="83" name="Rektangel: afrundede hjørner 82">
                <a:extLst>
                  <a:ext uri="{FF2B5EF4-FFF2-40B4-BE49-F238E27FC236}">
                    <a16:creationId xmlns:a16="http://schemas.microsoft.com/office/drawing/2014/main" id="{6A981CF4-B5D4-44D4-AD54-8BE340F3FFDC}"/>
                  </a:ext>
                </a:extLst>
              </p:cNvPr>
              <p:cNvSpPr/>
              <p:nvPr/>
            </p:nvSpPr>
            <p:spPr>
              <a:xfrm>
                <a:off x="9158570" y="4146440"/>
                <a:ext cx="762325" cy="712117"/>
              </a:xfrm>
              <a:prstGeom prst="roundRect">
                <a:avLst/>
              </a:prstGeom>
              <a:grpFill/>
              <a:ln w="9525">
                <a:solidFill>
                  <a:srgbClr val="1F4A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pPr algn="ctr"/>
                <a:r>
                  <a:rPr lang="en-GB" sz="1400" dirty="0"/>
                  <a:t>Surgery</a:t>
                </a:r>
                <a:endParaRPr lang="en-GB" dirty="0"/>
              </a:p>
            </p:txBody>
          </p:sp>
          <p:cxnSp>
            <p:nvCxnSpPr>
              <p:cNvPr id="86" name="Lige pilforbindelse 85">
                <a:extLst>
                  <a:ext uri="{FF2B5EF4-FFF2-40B4-BE49-F238E27FC236}">
                    <a16:creationId xmlns:a16="http://schemas.microsoft.com/office/drawing/2014/main" id="{9AAE934E-C4AF-489F-ACBE-D0AFE336DAAE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7884967" y="4560498"/>
                <a:ext cx="1203190" cy="0"/>
              </a:xfrm>
              <a:prstGeom prst="straightConnector1">
                <a:avLst/>
              </a:prstGeom>
              <a:grpFill/>
              <a:ln w="57150">
                <a:solidFill>
                  <a:srgbClr val="1F4A60"/>
                </a:solidFill>
                <a:tailEnd type="triangle"/>
              </a:ln>
            </p:spPr>
            <p:style>
              <a:lnRef idx="1">
                <a:schemeClr val="accent2"/>
              </a:lnRef>
              <a:fillRef idx="0">
                <a:schemeClr val="accent2"/>
              </a:fillRef>
              <a:effectRef idx="0">
                <a:schemeClr val="accent2"/>
              </a:effectRef>
              <a:fontRef idx="minor">
                <a:schemeClr val="tx1"/>
              </a:fontRef>
            </p:style>
          </p:cxnSp>
          <p:sp>
            <p:nvSpPr>
              <p:cNvPr id="87" name="Rektangel: afrundede hjørner 86">
                <a:extLst>
                  <a:ext uri="{FF2B5EF4-FFF2-40B4-BE49-F238E27FC236}">
                    <a16:creationId xmlns:a16="http://schemas.microsoft.com/office/drawing/2014/main" id="{9D8C9B15-6B2C-4BC4-AB07-7082F38524E5}"/>
                  </a:ext>
                </a:extLst>
              </p:cNvPr>
              <p:cNvSpPr/>
              <p:nvPr/>
            </p:nvSpPr>
            <p:spPr>
              <a:xfrm>
                <a:off x="7982329" y="4036846"/>
                <a:ext cx="800759" cy="396044"/>
              </a:xfrm>
              <a:prstGeom prst="roundRect">
                <a:avLst/>
              </a:prstGeom>
              <a:solidFill>
                <a:srgbClr val="99D7F6"/>
              </a:solidFill>
              <a:ln w="9525">
                <a:solidFill>
                  <a:srgbClr val="1F4A6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pPr algn="ctr"/>
                <a:r>
                  <a:rPr lang="en-GB" sz="1400" dirty="0"/>
                  <a:t>4 months</a:t>
                </a:r>
              </a:p>
            </p:txBody>
          </p:sp>
        </p:grpSp>
        <p:sp>
          <p:nvSpPr>
            <p:cNvPr id="75" name="Rektangel: afrundede hjørner 74">
              <a:extLst>
                <a:ext uri="{FF2B5EF4-FFF2-40B4-BE49-F238E27FC236}">
                  <a16:creationId xmlns:a16="http://schemas.microsoft.com/office/drawing/2014/main" id="{5AB971AD-F4ED-4189-B121-BD84B187BD18}"/>
                </a:ext>
              </a:extLst>
            </p:cNvPr>
            <p:cNvSpPr/>
            <p:nvPr/>
          </p:nvSpPr>
          <p:spPr>
            <a:xfrm>
              <a:off x="4414975" y="5342023"/>
              <a:ext cx="328227" cy="742454"/>
            </a:xfrm>
            <a:prstGeom prst="roundRect">
              <a:avLst/>
            </a:prstGeom>
            <a:solidFill>
              <a:srgbClr val="066398"/>
            </a:solidFill>
            <a:ln w="9525">
              <a:solidFill>
                <a:srgbClr val="1F4A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GB" dirty="0"/>
                <a:t>B</a:t>
              </a:r>
            </a:p>
          </p:txBody>
        </p:sp>
      </p:grpSp>
      <p:pic>
        <p:nvPicPr>
          <p:cNvPr id="109" name="Billede 108">
            <a:extLst>
              <a:ext uri="{FF2B5EF4-FFF2-40B4-BE49-F238E27FC236}">
                <a16:creationId xmlns:a16="http://schemas.microsoft.com/office/drawing/2014/main" id="{AE422FCA-214D-4FE3-A74E-FF7D9D2E3F6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11200"/>
                    </a14:imgEffect>
                    <a14:imgEffect>
                      <a14:saturation sat="33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567533" y="255452"/>
            <a:ext cx="4309272" cy="2277573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11" name="Billede 110">
            <a:extLst>
              <a:ext uri="{FF2B5EF4-FFF2-40B4-BE49-F238E27FC236}">
                <a16:creationId xmlns:a16="http://schemas.microsoft.com/office/drawing/2014/main" id="{0672DCBF-30DA-4BCF-9A88-360C1B6EF94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colorTemperature colorTemp="11200"/>
                    </a14:imgEffect>
                    <a14:imgEffect>
                      <a14:saturation sat="33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061172" y="1979228"/>
            <a:ext cx="4159741" cy="2187619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10" name="Billede 109">
            <a:extLst>
              <a:ext uri="{FF2B5EF4-FFF2-40B4-BE49-F238E27FC236}">
                <a16:creationId xmlns:a16="http://schemas.microsoft.com/office/drawing/2014/main" id="{DD40B20B-D9E2-45D5-8892-D299BBA7347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colorTemperature colorTemp="11200"/>
                    </a14:imgEffect>
                    <a14:imgEffect>
                      <a14:saturation sat="33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348413" y="4102114"/>
            <a:ext cx="3962375" cy="2191380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41659654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B3702921-F9C8-4AA3-91A4-ED5EF17CC8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6</a:t>
            </a:fld>
            <a:endParaRPr lang="en-GB"/>
          </a:p>
        </p:txBody>
      </p:sp>
      <p:pic>
        <p:nvPicPr>
          <p:cNvPr id="6" name="Pladsholder til indhold 5" descr="Et billede, der indeholder skærmbillede&#10;&#10;Automatisk genereret beskrivelse">
            <a:extLst>
              <a:ext uri="{FF2B5EF4-FFF2-40B4-BE49-F238E27FC236}">
                <a16:creationId xmlns:a16="http://schemas.microsoft.com/office/drawing/2014/main" id="{C8F53D42-75A8-4919-B834-E18512E18344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964" b="41251"/>
          <a:stretch/>
        </p:blipFill>
        <p:spPr>
          <a:xfrm>
            <a:off x="644804" y="1459091"/>
            <a:ext cx="4155057" cy="3168352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B2D58E5F-0196-47A8-84B6-6F73F5661AD8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Acta Oncol</a:t>
            </a:r>
            <a:r>
              <a:rPr lang="en-US" sz="1000" dirty="0"/>
              <a:t>, 2018, Skriver et al, </a:t>
            </a:r>
            <a:r>
              <a:rPr lang="en-US" sz="1000" i="1" dirty="0"/>
              <a:t>Breast Cancer Res Treat, </a:t>
            </a:r>
            <a:r>
              <a:rPr lang="en-US" sz="1000" dirty="0"/>
              <a:t>2020</a:t>
            </a:r>
          </a:p>
          <a:p>
            <a:pPr algn="r"/>
            <a:endParaRPr lang="en-US" sz="1000" dirty="0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7043A918-2A23-404A-A0BF-83D5915462AF}"/>
              </a:ext>
            </a:extLst>
          </p:cNvPr>
          <p:cNvSpPr txBox="1"/>
          <p:nvPr/>
        </p:nvSpPr>
        <p:spPr>
          <a:xfrm>
            <a:off x="806713" y="4644208"/>
            <a:ext cx="4089355" cy="8640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 </a:t>
            </a:r>
          </a:p>
          <a:p>
            <a:r>
              <a:rPr lang="en-GB" sz="1200" dirty="0">
                <a:solidFill>
                  <a:srgbClr val="FF0000"/>
                </a:solidFill>
              </a:rPr>
              <a:t>R </a:t>
            </a:r>
            <a:r>
              <a:rPr lang="da-DK" sz="1200" dirty="0">
                <a:solidFill>
                  <a:srgbClr val="FF0000"/>
                </a:solidFill>
              </a:rPr>
              <a:t>= 62 (55%) 	</a:t>
            </a:r>
          </a:p>
          <a:p>
            <a:r>
              <a:rPr lang="da-DK" sz="1200" dirty="0">
                <a:solidFill>
                  <a:srgbClr val="FF0000"/>
                </a:solidFill>
              </a:rPr>
              <a:t>selvvælgere = 50 (45%)</a:t>
            </a:r>
          </a:p>
          <a:p>
            <a:endParaRPr lang="da-DK" sz="1200" dirty="0">
              <a:solidFill>
                <a:srgbClr val="FF0000"/>
              </a:solidFill>
            </a:endParaRPr>
          </a:p>
          <a:p>
            <a:r>
              <a:rPr lang="da-DK" sz="1600" dirty="0">
                <a:solidFill>
                  <a:srgbClr val="FF0000"/>
                </a:solidFill>
              </a:rPr>
              <a:t>Parret væv fra 109 patienter til </a:t>
            </a:r>
            <a:r>
              <a:rPr lang="da-DK" sz="1600" dirty="0" err="1">
                <a:solidFill>
                  <a:srgbClr val="FF0000"/>
                </a:solidFill>
              </a:rPr>
              <a:t>immunhistokemiske</a:t>
            </a:r>
            <a:r>
              <a:rPr lang="da-DK" sz="1600" dirty="0">
                <a:solidFill>
                  <a:srgbClr val="FF0000"/>
                </a:solidFill>
              </a:rPr>
              <a:t> analyser samt NGS</a:t>
            </a:r>
            <a:endParaRPr lang="da-DK" sz="1400" dirty="0">
              <a:solidFill>
                <a:srgbClr val="FF0000"/>
              </a:solidFill>
            </a:endParaRP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3A7127AC-D1F8-454F-9ABA-DCC60B3342C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451104" y="1785609"/>
            <a:ext cx="6608545" cy="4276411"/>
          </a:xfrm>
          <a:prstGeom prst="rect">
            <a:avLst/>
          </a:prstGeom>
        </p:spPr>
      </p:pic>
      <p:sp>
        <p:nvSpPr>
          <p:cNvPr id="14" name="Tekstfelt 13">
            <a:extLst>
              <a:ext uri="{FF2B5EF4-FFF2-40B4-BE49-F238E27FC236}">
                <a16:creationId xmlns:a16="http://schemas.microsoft.com/office/drawing/2014/main" id="{A0386C01-E833-4FA6-96DD-D55A5245B3F2}"/>
              </a:ext>
            </a:extLst>
          </p:cNvPr>
          <p:cNvSpPr txBox="1"/>
          <p:nvPr/>
        </p:nvSpPr>
        <p:spPr>
          <a:xfrm>
            <a:off x="7392144" y="1417188"/>
            <a:ext cx="936104" cy="36004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dirty="0">
                <a:solidFill>
                  <a:schemeClr val="bg2">
                    <a:lumMod val="75000"/>
                  </a:schemeClr>
                </a:solidFill>
              </a:rPr>
              <a:t>Biopsy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87556B80-9F49-4616-98A2-BCFA5950C6CC}"/>
              </a:ext>
            </a:extLst>
          </p:cNvPr>
          <p:cNvSpPr txBox="1"/>
          <p:nvPr/>
        </p:nvSpPr>
        <p:spPr>
          <a:xfrm>
            <a:off x="8756151" y="1459091"/>
            <a:ext cx="1872208" cy="36004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dirty="0">
                <a:solidFill>
                  <a:schemeClr val="bg2">
                    <a:lumMod val="75000"/>
                  </a:schemeClr>
                </a:solidFill>
              </a:rPr>
              <a:t>Surgical specimen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1A54C734-3177-4882-A2AA-7869D57398AC}"/>
              </a:ext>
            </a:extLst>
          </p:cNvPr>
          <p:cNvSpPr txBox="1"/>
          <p:nvPr/>
        </p:nvSpPr>
        <p:spPr>
          <a:xfrm>
            <a:off x="8311523" y="872716"/>
            <a:ext cx="2952328" cy="8640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NGS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id="{F37EBC5F-C2F1-46FD-A271-B28A1EA93E21}"/>
              </a:ext>
            </a:extLst>
          </p:cNvPr>
          <p:cNvSpPr txBox="1"/>
          <p:nvPr/>
        </p:nvSpPr>
        <p:spPr>
          <a:xfrm>
            <a:off x="9928451" y="5392377"/>
            <a:ext cx="1576163" cy="8640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dirty="0">
                <a:solidFill>
                  <a:srgbClr val="FF0000"/>
                </a:solidFill>
              </a:rPr>
              <a:t>NGS </a:t>
            </a:r>
            <a:r>
              <a:rPr lang="en-GB" dirty="0" err="1">
                <a:solidFill>
                  <a:srgbClr val="FF0000"/>
                </a:solidFill>
              </a:rPr>
              <a:t>rapporter</a:t>
            </a:r>
            <a:endParaRPr lang="en-GB" dirty="0">
              <a:solidFill>
                <a:srgbClr val="FF0000"/>
              </a:solidFill>
            </a:endParaRPr>
          </a:p>
          <a:p>
            <a:r>
              <a:rPr lang="en-GB" dirty="0">
                <a:solidFill>
                  <a:srgbClr val="FF0000"/>
                </a:solidFill>
              </a:rPr>
              <a:t>n = 83</a:t>
            </a:r>
          </a:p>
        </p:txBody>
      </p:sp>
    </p:spTree>
    <p:extLst>
      <p:ext uri="{BB962C8B-B14F-4D97-AF65-F5344CB8AC3E}">
        <p14:creationId xmlns:p14="http://schemas.microsoft.com/office/powerpoint/2010/main" val="32543671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5189FB5-99CE-49D2-820E-2081817393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04E74CB-E4BE-4CF2-812F-2F8387E949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88C603E-3AA8-4926-A474-E4F60329ED7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178D20CA-8602-44A0-98B5-4F53AF38FE1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8016" y="332660"/>
            <a:ext cx="4042585" cy="5886713"/>
          </a:xfrm>
          <a:prstGeom prst="rect">
            <a:avLst/>
          </a:prstGeom>
        </p:spPr>
      </p:pic>
      <p:sp>
        <p:nvSpPr>
          <p:cNvPr id="8" name="Pladsholder til indhold 3">
            <a:extLst>
              <a:ext uri="{FF2B5EF4-FFF2-40B4-BE49-F238E27FC236}">
                <a16:creationId xmlns:a16="http://schemas.microsoft.com/office/drawing/2014/main" id="{9079E642-11BD-421E-940A-82AA23EF9BB9}"/>
              </a:ext>
            </a:extLst>
          </p:cNvPr>
          <p:cNvSpPr txBox="1">
            <a:spLocks/>
          </p:cNvSpPr>
          <p:nvPr/>
        </p:nvSpPr>
        <p:spPr>
          <a:xfrm>
            <a:off x="5396065" y="1494692"/>
            <a:ext cx="6098971" cy="309604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/>
              <a:t>Pathological response 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/>
              <a:t>1 pCR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/>
              <a:t>7 minimal residual disease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/>
              <a:t>52 moderate residual disease</a:t>
            </a:r>
          </a:p>
          <a:p>
            <a:pPr>
              <a:buFont typeface="Arial" panose="020B0604020202020204" pitchFamily="34" charset="0"/>
              <a:buChar char="∙"/>
            </a:pPr>
            <a:r>
              <a:rPr lang="en-GB"/>
              <a:t>48 (44%) no response</a:t>
            </a:r>
            <a:endParaRPr lang="en-GB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B6562626-5F0C-442E-B766-2FBFFEC48DD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0897"/>
          <a:stretch/>
        </p:blipFill>
        <p:spPr>
          <a:xfrm>
            <a:off x="9624392" y="2555868"/>
            <a:ext cx="2010187" cy="2758667"/>
          </a:xfrm>
          <a:prstGeom prst="rect">
            <a:avLst/>
          </a:prstGeom>
          <a:ln w="38100" cap="sq">
            <a:solidFill>
              <a:srgbClr val="000000"/>
            </a:solidFill>
            <a:prstDash val="solid"/>
            <a:miter lim="800000"/>
          </a:ln>
          <a:effectLst>
            <a:outerShdw blurRad="50800" dist="38100" dir="2700000" algn="tl" rotWithShape="0">
              <a:srgbClr val="000000">
                <a:alpha val="43000"/>
              </a:srgbClr>
            </a:outerShdw>
          </a:effectLst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FDEF87B8-D407-4652-B084-6C6F7A5948AF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Acta Oncol</a:t>
            </a:r>
            <a:r>
              <a:rPr lang="en-US" sz="1000" dirty="0"/>
              <a:t>, 2018</a:t>
            </a:r>
          </a:p>
          <a:p>
            <a:pPr algn="r"/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23209546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192B302-DE8B-4282-9445-839E5DA94D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E878F2D-526D-410C-91DA-D8029948C126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endParaRPr lang="en-GB" dirty="0"/>
          </a:p>
        </p:txBody>
      </p:sp>
      <p:pic>
        <p:nvPicPr>
          <p:cNvPr id="5" name="Pladsholder til indhold 8">
            <a:extLst>
              <a:ext uri="{FF2B5EF4-FFF2-40B4-BE49-F238E27FC236}">
                <a16:creationId xmlns:a16="http://schemas.microsoft.com/office/drawing/2014/main" id="{FA42DEBF-635F-4571-849A-81B5839E067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6622" y="996867"/>
            <a:ext cx="6498764" cy="4864267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170083F0-FE36-4D73-88ED-5B309C3F448D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US" sz="1000" dirty="0"/>
              <a:t>Skriver et al, </a:t>
            </a:r>
            <a:r>
              <a:rPr lang="en-US" sz="1000" i="1" dirty="0"/>
              <a:t>Acta Oncol</a:t>
            </a:r>
            <a:r>
              <a:rPr lang="en-US" sz="1000" dirty="0"/>
              <a:t>, 2018</a:t>
            </a:r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F311073E-0EE9-4E1E-8751-FFC16BF5DD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00800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umour infiltrating lymphocytes 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en-GB" smtClean="0"/>
              <a:pPr/>
              <a:t>9</a:t>
            </a:fld>
            <a:endParaRPr lang="en-GB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5" name="Picture 2" descr="H:\PhD\1_Afhandling\tils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01431" y="1472484"/>
            <a:ext cx="7589139" cy="46063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15">
            <a:extLst>
              <a:ext uri="{FF2B5EF4-FFF2-40B4-BE49-F238E27FC236}">
                <a16:creationId xmlns:a16="http://schemas.microsoft.com/office/drawing/2014/main" id="{2412A029-9D98-49B5-8BD9-726B0FB04E42}"/>
              </a:ext>
            </a:extLst>
          </p:cNvPr>
          <p:cNvSpPr txBox="1"/>
          <p:nvPr/>
        </p:nvSpPr>
        <p:spPr>
          <a:xfrm>
            <a:off x="435667" y="6078789"/>
            <a:ext cx="11665296" cy="19835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en-GB" sz="1000" dirty="0"/>
              <a:t>International Immuno-Oncology Biomarker Working Group on Breast Cancer</a:t>
            </a:r>
          </a:p>
        </p:txBody>
      </p:sp>
    </p:spTree>
    <p:extLst>
      <p:ext uri="{BB962C8B-B14F-4D97-AF65-F5344CB8AC3E}">
        <p14:creationId xmlns:p14="http://schemas.microsoft.com/office/powerpoint/2010/main" val="57478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2_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3.xml><?xml version="1.0" encoding="utf-8"?>
<a:theme xmlns:a="http://schemas.openxmlformats.org/drawingml/2006/main" name="1_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4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3.xml><?xml version="1.0" encoding="utf-8"?>
<TemplafyTemplateConfiguration><![CDATA[{"elementsMetadata":[{"type":"shape","id":"eec706c6-1159-44d0-b7b7-55c245d10e2b","elementConfiguration":{"inheritDimensions":"inheritNone","width":"1.9 cm","height":"1.9 cm","disableUpdates":false,"type":"image"}},{"type":"shape","id":"8429d9e7-f8ab-4594-876a-d05047153ce8","elementConfiguration":{"binding":"UserProfile.Office.Virksomhed_{{DocumentLanguage}}","disableUpdates":false,"type":"text"}},{"type":"shape","id":"21593e91-050b-4db2-a41b-b0ee5b0bb8f4","elementConfiguration":{"binding":"UserProfile.CenterFreeText","visibility":{"action":"hide","binding":"UserProfile.Centers.CenterUI","operator":"notEquals","compareValue":"Intet valgt"},"disableUpdates":false,"type":"text"}},{"type":"shape","id":"378f5bc0-ec3e-40c7-aed1-0a972c411b56","elementConfiguration":{"binding":"UserProfile.Centers.Center_{{DocumentLanguage}}","visibility":{"action":"hide","binding":"UserProfile.Centers.CenterUI","operator":"equals","compareValue":"Intet valgt"},"disableUpdates":false,"type":"text"}},{"type":"shape","id":"d80f967b-3c25-467d-b415-677c3ce6a7a2","elementConfiguration":{"binding":"Form.PresentationTitle","disableUpdates":false,"type":"text"}},{"type":"shape","id":"643853c9-9fa4-415a-800b-953c52b24db7","elementConfiguration":{"binding":"UserProfile.Office.LogoColor_DCU","inheritDimensions":"inheritNone","width":"1.9 cm","height":"1.9 cm","disableUpdates":false,"type":"image"}},{"type":"shape","id":"972d7002-1712-4400-b70c-2354a2db77d3","elementConfiguration":{"binding":"UserProfile.EkstraLogo.ExtraLogoPPNEGDCU_{{DocumentLanguage}}","inheritDimensions":"inheritNone","width":"3.68 cm","height":"1.17 cm","disableUpdates":false,"type":"image"}},{"type":"shape","id":"8859ea4f-b838-415c-a8f7-9a20bc41c81c","elementConfiguration":{"binding":"UserProfile.EkstraLogo.ExtraLogoFive_PP_DCU_{{DocumentLanguage}}","inheritDimensions":"inheritNone","width":"2.42 cm","height":"2.5 cm","disableUpdates":false,"type":"image"}},{"type":"shape","id":"dfda3476-3c2a-44a1-9efe-ad585b17488a","elementConfiguration":{"binding":"UserProfile.EkstraLogo.ExtraLogoTwo_PP_DCU_{{DocumentLanguage}}","inheritDimensions":"inheritNone","width":"2.42 cm","height":"2.5 cm","disableUpdates":false,"type":"image"}},{"type":"shape","id":"a55eade7-2540-4c9e-a207-305965d00e2a","elementConfiguration":{"binding":"UserProfile.EkstraLogo.ExtraLogoSix_PP_DCU_{{DocumentLanguage}}","inheritDimensions":"inheritNone","width":"11.6 cm","height":"1.72 cm","disableUpdates":false,"type":"image"}},{"type":"shape","id":"72b2f1d0-d40d-46ce-bbc3-1ca7cf038cee","elementConfiguration":{"binding":"UserProfile.Name","visibility":{"action":"hide","binding":"Form.Manuel_dato","operator":"notEquals","compareValue":""},"disableUpdates":false,"type":"text"}},{"type":"shape","id":"69cb07f5-86a3-488b-834c-66d18a014de0","elementConfiguration":{"binding":"Form.Manuel_dato","visibility":{"action":"hide","operator":"equals","compareValue":""},"disableUpdates":false,"type":"text"}},{"type":"shape","id":"f8af76fa-3f74-41e8-8849-2a58b909a3e3","elementConfiguration":{"binding":"UserProfile.Office.LogoH_PP_DCU","inheritDimensions":"inheritWidth","width":"1.91 cm","disableUpdates":false,"type":"image"}},{"type":"shape","id":"33af5a29-54e7-4392-9e37-dfbebabeeea2","elementConfiguration":{"binding":"UserProfile.Office.Virksomhed_{{DocumentLanguage}}","disableUpdates":false,"type":"text"}},{"type":"shape","id":"0081f496-cc45-4190-916a-40dc37d34fca","elementConfiguration":{"binding":"UserProfile.CenterFreeText","visibility":{"action":"hide","binding":"UserProfile.Centers.CenterUI","operator":"notEquals","compareValue":"Intet valgt"},"disableUpdates":false,"type":"text"}},{"type":"shape","id":"3e9da2d2-bd81-4f1b-a064-ff907ab4c115","elementConfiguration":{"binding":"UserProfile.Centers.Center_{{DocumentLanguage}}","visibility":{"action":"hide","binding":"UserProfile.Centers.CenterUI","operator":"equals","compareValue":"Intet valgt"},"disableUpdates":false,"type":"text"}},{"type":"shape","id":"71ef1f6f-0a55-4595-8434-1b99878fb822","elementConfiguration":{"binding":"Form.PresentationTitle","disableUpdates":false,"type":"text"}},{"type":"shape","id":"52b6efae-3323-4ac9-8d7d-42388c769bcf","elementConfiguration":{"binding":"UserProfile.Office.LogoColor_DCU","inheritDimensions":"inheritNone","width":"1.9 cm","height":"1.9 cm","disableUpdates":false,"type":"image"}},{"type":"shape","id":"61dc7cdc-93c1-448f-b9b0-f4c91a8fb679","elementConfiguration":{"binding":"UserProfile.EkstraLogo.ExtraLogoPPNEGDCU_{{DocumentLanguage}}","inheritDimensions":"inheritNone","width":"3.68 cm","height":"1.17 cm","disableUpdates":false,"type":"image"}},{"type":"shape","id":"db682fe4-0611-4662-b5cf-3f8f1e2ca0c4","elementConfiguration":{"binding":"UserProfile.EkstraLogo.ExtraLogoFive_PP_DCU_{{DocumentLanguage}}","inheritDimensions":"inheritNone","width":"2.42 cm","height":"2.5 cm","disableUpdates":false,"type":"image"}},{"type":"shape","id":"aba36236-9223-40d4-90b2-64a606b7ec08","elementConfiguration":{"binding":"UserProfile.EkstraLogo.ExtraLogoTwo_PP_DCU_{{DocumentLanguage}}","inheritDimensions":"inheritNone","width":"2.42 cm","height":"2.5 cm","disableUpdates":false,"type":"image"}},{"type":"shape","id":"118a35f7-35c4-4720-9ef0-667e3a47f3b5","elementConfiguration":{"binding":"UserProfile.EkstraLogo.ExtraLogoSix_PP_DCU_{{DocumentLanguage}}","inheritDimensions":"inheritNone","width":"11.6 cm","height":"1.72 cm","disableUpdates":false,"type":"image"}},{"type":"shape","id":"e95e961b-db66-4490-8b17-ce8cf13484d5","elementConfiguration":{"binding":"UserProfile.Name","visibility":{"action":"hide","binding":"Form.Manuel_dato","operator":"notEquals","compareValue":""},"disableUpdates":false,"type":"text"}},{"type":"shape","id":"62324ee5-7c05-4e2b-9c31-41bd90dff493","elementConfiguration":{"binding":"Form.Manuel_dato","visibility":{"action":"hide","operator":"equals","compareValue":""},"disableUpdates":false,"type":"text"}},{"type":"shape","id":"b46d0cad-d462-48c8-a6e7-3853fc64c496","elementConfiguration":{"binding":"UserProfile.Office.LogoH_PP_DCU","inheritDimensions":"inheritWidth","width":"1.91 cm","disableUpdates":false,"type":"image"}},{"type":"shape","id":"b95df2bb-95cd-4e11-b836-dda64bb2d875","elementConfiguration":{"binding":"UserProfile.Office.Virksomhed_{{DocumentLanguage}}","disableUpdates":false,"type":"text"}},{"type":"shape","id":"a0abc263-d5d3-4394-82a6-c7593dd6ec74","elementConfiguration":{"binding":"UserProfile.CenterFreeText","visibility":{"action":"hide","binding":"UserProfile.Centers.CenterUI","operator":"notEquals","compareValue":"Intet valgt"},"disableUpdates":false,"type":"text"}},{"type":"shape","id":"e940e6a9-1b31-486d-a530-7237a4efa46d","elementConfiguration":{"binding":"UserProfile.Centers.Center_{{DocumentLanguage}}","visibility":{"action":"hide","binding":"UserProfile.Centers.CenterUI","operator":"equals","compareValue":"Intet valgt"},"disableUpdates":false,"type":"text"}},{"type":"shape","id":"7eaf7f34-f874-4365-9164-9d5057e8afa2","elementConfiguration":{"binding":"Form.PresentationTitle","disableUpdates":false,"type":"text"}},{"type":"shape","id":"15921dba-8ceb-4dcd-a2ec-dec49a98fa0c","elementConfiguration":{"binding":"UserProfile.Office.LogoColor_DCU","inheritDimensions":"inheritNone","width":"1.9 cm","height":"1.9 cm","disableUpdates":false,"type":"image"}},{"type":"shape","id":"dd81a2c0-b399-4a5a-9a2b-b8b6658f62ee","elementConfiguration":{"binding":"UserProfile.EkstraLogo.ExtraLogoPPNEGDCU_{{DocumentLanguage}}","inheritDimensions":"inheritNone","width":"3.68 cm","height":"1.17 cm","disableUpdates":false,"type":"image"}},{"type":"shape","id":"cb853859-00bb-40b2-9a25-3db5f54ba019","elementConfiguration":{"binding":"UserProfile.EkstraLogo.ExtraLogoFive_PP_DCU_{{DocumentLanguage}}","inheritDimensions":"inheritNone","width":"2.42 cm","height":"2.5 cm","disableUpdates":false,"type":"image"}},{"type":"shape","id":"1bed0aa6-eea6-4354-8178-6b31174212d8","elementConfiguration":{"binding":"UserProfile.EkstraLogo.ExtraLogoTwo_PP_DCU_{{DocumentLanguage}}","inheritDimensions":"inheritNone","width":"2.42 cm","height":"2.5 cm","disableUpdates":false,"type":"image"}},{"type":"shape","id":"76aafc83-053d-4e48-b99f-1409c377aec9","elementConfiguration":{"binding":"UserProfile.EkstraLogo.ExtraLogoSix_PP_DCU_{{DocumentLanguage}}","inheritDimensions":"inheritNone","width":"11.6 cm","height":"1.72 cm","disableUpdates":false,"type":"image"}},{"type":"shape","id":"3d62c9e3-0943-44fc-93f4-ebd935ea3447","elementConfiguration":{"binding":"UserProfile.Name","visibility":{"action":"hide","binding":"Form.Manuel_dato","operator":"notEquals","compareValue":""},"disableUpdates":false,"type":"text"}},{"type":"shape","id":"5b109b4b-2825-4049-8952-1a1f0884559d","elementConfiguration":{"binding":"Form.Manuel_dato","visibility":{"action":"hide","operator":"equals","compareValue":""},"disableUpdates":false,"type":"text"}},{"type":"shape","id":"0795b564-9520-4895-9e2c-6a50f756ab1d","elementConfiguration":{"binding":"UserProfile.Office.LogoH_PP_DCU","inheritDimensions":"inheritWidth","width":"1.91 cm","disableUpdates":false,"type":"image"}},{"type":"shape","id":"0a9eebfa-1317-4fd4-96b8-01287f39729e","elementConfiguration":{"binding":"UserProfile.Office.LogoColor_DCU","inheritDimensions":"inheritNone","width":"1.9 cm","height":"19.05 cm","disableUpdates":false,"type":"image"}},{"type":"shape","id":"95c74bdf-da06-4adb-b091-bc532f73064e","elementConfiguration":{"binding":"UserProfile.EkstraLogo.ExtraLogoSixNEG_PP_DCU_{{DocumentLanguage}}","inheritDimensions":"inheritNone","width":"11.6 cm","height":"1.72 cm","disableUpdates":false,"type":"image"}},{"type":"shape","id":"0dc9c24b-b61b-422e-b54b-2e79dffaca42","elementConfiguration":{"binding":"UserProfile.EkstraLogo.ExtraLogoPPNEGDCU_{{DocumentLanguage}}","inheritDimensions":"inheritNone","width":"3.68 cm","height":"1.17 cm","disableUpdates":false,"type":"image"}},{"type":"shape","id":"40e9e813-0dc1-4d00-afa2-7330d8943f87","elementConfiguration":{"binding":"UserProfile.Office.Virksomhed_{{DocumentLanguage}}","disableUpdates":false,"type":"text"}},{"type":"shape","id":"43974b70-e8fd-4478-8868-beb03850928e","elementConfiguration":{"binding":"UserProfile.CenterFreeText","visibility":{"action":"hide","binding":"UserProfile.Centers.CenterUI","operator":"notEquals","compareValue":"Intet valgt","compareValues":[""]},"disableUpdates":false,"type":"text"}},{"type":"shape","id":"1b72bc2c-0943-4f62-9d12-c39bf574073b","elementConfiguration":{"binding":"UserProfile.Centers.Center_{{DocumentLanguage}}","visibility":{"action":"hide","binding":"UserProfile.Centers.CenterUI","operator":"equals","compareValue":"Intet valgt"},"disableUpdates":false,"type":"text"}},{"type":"shape","id":"1b0a39da-c6e9-4b38-8bba-d6d7f6d8ca1f","elementConfiguration":{"binding":"Form.PresentationTitle","disableUpdates":false,"type":"text"}},{"type":"shape","id":"74f14476-f0dd-4e25-b069-f411fcc7d882","elementConfiguration":{"binding":"UserProfile.EkstraLogo.ExtraLogoFive_PP_DCU_{{DocumentLanguage}}","inheritDimensions":"inheritNone","width":"2.42 cm","height":"2.5 cm","disableUpdates":false,"type":"image"}},{"type":"shape","id":"f7ca028a-04c3-4739-b01c-586a6cb8c8d2","elementConfiguration":{"binding":"UserProfile.EkstraLogo.ExtraLogoTwo_PP_DCU_{{DocumentLanguage}}","inheritDimensions":"inheritNone","width":"2.42 cm","height":"2.5 cm","disableUpdates":false,"type":"image"}},{"type":"shape","id":"271b0150-da17-4ce2-880b-e15f87b806b2","elementConfiguration":{"binding":"UserProfile.Name","visibility":{"action":"hide","binding":"Form.Manuel_dato","operator":"notEquals","compareValue":""},"disableUpdates":false,"type":"text"}},{"type":"shape","id":"88293a8b-b347-4d03-bb9d-81c2f569a570","elementConfiguration":{"binding":"Form.Manuel_dato","visibility":{"action":"hide","operator":"equals","compareValue":""},"disableUpdates":false,"type":"text"}},{"type":"shape","id":"e48473ed-38ff-45f7-8bc5-a1f1e43f4fe9","elementConfiguration":{"binding":"UserProfile.Office.LogoH_PP_DCU","inheritDimensions":"inheritWidth","width":"1.91 cm","disableUpdates":false,"type":"image"}},{"type":"shape","id":"a04cdffa-fcf7-478e-8fea-affd6890d23a","elementConfiguration":{"binding":"UserProfile.Office.Virksomhed_{{DocumentLanguage}}","disableUpdates":false,"type":"text"}},{"type":"shape","id":"493a4807-c965-486e-a748-8c2c34bd7e1a","elementConfiguration":{"binding":"UserProfile.CenterFreeText","visibility":{"action":"hide","binding":"UserProfile.Centers.CenterUI","operator":"notEquals","compareValue":"Intet valgt"},"disableUpdates":false,"type":"text"}},{"type":"shape","id":"e9069879-1239-4d07-b2c4-4f0c2e77e115","elementConfiguration":{"binding":"UserProfile.Centers.Center_{{DocumentLanguage}}","visibility":{"action":"hide","binding":"UserProfile.Centers.CenterUI","operator":"equals","compareValue":"Intet valgt"},"disableUpdates":false,"type":"text"}},{"type":"shape","id":"defd15b2-1b13-4b6c-a61d-45ce71362740","elementConfiguration":{"binding":"Form.PresentationTitle","disableUpdates":false,"type":"text"}},{"type":"shape","id":"9ae0adcd-aaea-4a0b-91d6-649c7b6b6d71","elementConfiguration":{"binding":"UserProfile.Office.LogoColor_DCU","inheritDimensions":"inheritNone","width":"1.9 cm","height":"1.9 cm","disableUpdates":false,"type":"image"}},{"type":"shape","id":"c8391e25-fef2-47d3-be87-c6db911b1690","elementConfiguration":{"binding":"UserProfile.EkstraLogo.ExtraLogoPPNEGDCU_{{DocumentLanguage}}","inheritDimensions":"inheritNone","width":"3.68 cm","height":"1.17 cm","disableUpdates":false,"type":"image"}},{"type":"shape","id":"f395f856-69e6-4d20-ae21-8075c8048d25","elementConfiguration":{"binding":"UserProfile.EkstraLogo.ExtraLogoFive_PP_DCU_{{DocumentLanguage}}","inheritDimensions":"inheritNone","width":"2.42 cm","height":"2.5 cm","disableUpdates":false,"type":"image"}},{"type":"shape","id":"7551099c-2245-4761-8e9f-047505f709e8","elementConfiguration":{"binding":"UserProfile.EkstraLogo.ExtraLogoTwo_PP_DCU_{{DocumentLanguage}}","inheritDimensions":"inheritNone","width":"2.42 cm","height":"2.5 cm","disableUpdates":false,"type":"image"}},{"type":"shape","id":"d2d2c242-555a-4eb4-9a76-3ceb4803ec9f","elementConfiguration":{"binding":"UserProfile.EkstraLogo.ExtraLogoSix_PP_DCU_{{DocumentLanguage}}","inheritDimensions":"inheritNone","width":"11.6 cm","height":"1.72 cm","disableUpdates":false,"type":"image"}},{"type":"shape","id":"6105286a-9ada-431f-9561-bb0d5be57872","elementConfiguration":{"binding":"UserProfile.Name","visibility":{"action":"hide","binding":"Form.Manuel_dato","operator":"notEquals","compareValue":""},"disableUpdates":false,"type":"text"}},{"type":"shape","id":"e15f287f-35ad-4e69-bb00-ef99f95d5c40","elementConfiguration":{"binding":"Form.Manuel_dato","visibility":{"action":"hide","operator":"equals","compareValue":""},"disableUpdates":false,"type":"text"}},{"type":"shape","id":"0d1e3ee7-201b-4c72-a691-12d9cf9294d1","elementConfiguration":{"binding":"UserProfile.Office.LogoH_PP_DCU","inheritDimensions":"inheritWidth","width":"1.91 cm","disableUpdates":false,"type":"image"}},{"type":"shape","id":"4f6d7a3a-6ff5-4cba-8781-315995ac799f","elementConfiguration":{"binding":"UserProfile.Office.LogoColor_DCU","inheritDimensions":"inheritNone","width":"1.9 cm","height":"13.39 cm","disableUpdates":false,"type":"image"}},{"type":"shape","id":"aa163bca-9b13-4e6b-b406-41b2fda68549","elementConfiguration":{"binding":"UserProfile.Centers.VaelgKorrektSkabelon169DCU","inheritDimensions":"inheritNone","width":"33.89 cm","height":"19.07 cm","disableUpdates":false,"type":"image"}},{"type":"shape","id":"7b245db4-ec50-4c43-958e-a724d024e583","elementConfiguration":{"binding":"UserProfile.Centers.VaelgKorrektSkabelon169DCU","inheritDimensions":"inheritNone","width":"33.89 cm","height":"19.07 cm","disableUpdates":false,"type":"image"}},{"type":"shape","id":"e7bd7818-1367-4587-ae3f-ea26f7458afe","elementConfiguration":{"binding":"Form.PresentationTitle","disableUpdates":false,"type":"text"}},{"type":"shape","id":"3998e094-2aa3-42a1-8050-32814483e60a","elementConfiguration":{"binding":"UserProfile.Name","visibility":{"action":"hide","binding":"Form.Manuel_dato","operator":"notEquals","compareValue":""},"disableUpdates":false,"type":"text"}},{"type":"shape","id":"f10dcb77-57a2-4595-9461-2eefbd5198c7","elementConfiguration":{"binding":"UserProfile.EkstraLogo.ExtraLogoPPNEGDCU_{{DocumentLanguage}}","inheritDimensions":"inheritNone","width":"3.68 cm","height":"1.17 cm","disableUpdates":false,"type":"image"}},{"type":"shape","id":"6caea015-5da1-4a6f-a87f-5f09f5e22c17","elementConfiguration":{"binding":"UserProfile.EkstraLogo.ExtraLogoSix_PP_DCU_{{DocumentLanguage}}","inheritDimensions":"inheritNone","width":"11.6 cm","height":"1.72 cm","disableUpdates":false,"type":"image"}},{"type":"shape","id":"a0025391-b65d-4faf-b72c-ce11a3df45b0","elementConfiguration":{"binding":"UserProfile.EkstraLogo.ExtraLogoFive_PP_DCU_{{DocumentLanguage}}","inheritDimensions":"inheritNone","width":"2.42 cm","height":"2.5 cm","disableUpdates":false,"type":"image"}},{"type":"shape","id":"9310d181-6ae2-41fd-b6cf-8de6b51b838e","elementConfiguration":{"binding":"UserProfile.EkstraLogo.ExtraLogoTwo_PP_DCU_{{DocumentLanguage}}","inheritDimensions":"inheritNone","width":"2.42 cm","height":"2.5 cm","disableUpdates":false,"type":"image"}},{"type":"shape","id":"5223594d-d984-48ba-809b-415825978208","elementConfiguration":{"binding":"UserProfile.Office.Virksomhed_{{DocumentLanguage}}","disableUpdates":false,"type":"text"}},{"type":"shape","id":"c34417fe-27ef-4d11-ad0a-3c888790543b","elementConfiguration":{"binding":"UserProfile.CenterFreeText","visibility":{"action":"hide","binding":"UserProfile.Centers.CenterUI","operator":"notEquals","compareValue":"Intet valgt"},"disableUpdates":false,"type":"text"}},{"type":"shape","id":"72da5114-dec7-4f41-b5b9-9a7d2ec90eee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33c2f40c-82ed-40d2-b7e4-a93edbb8b4a6","elementConfiguration":{"binding":"Form.Manuel_dato","visibility":{"action":"hide","operator":"equals","compareValue":""},"disableUpdates":false,"type":"text"}},{"type":"shape","id":"d103dbc8-1504-48e5-ad7d-a9a5734d0d1f","elementConfiguration":{"binding":"UserProfile.Office.LogoH_PP_DCU","inheritDimensions":"inheritWidth","width":"1.91 cm","disableUpdates":false,"type":"image"}},{"type":"shape","id":"10e6ed73-763f-40f4-8492-8df6f1113b24","elementConfiguration":{"binding":"UserProfile.Office.Virksomhed_{{DocumentLanguage}}","disableUpdates":false,"type":"text"}},{"type":"shape","id":"f7f3dc83-8c0d-421d-9c9f-061bbaed6f15","elementConfiguration":{"binding":"UserProfile.CenterFreeText","visibility":{"action":"hide","binding":"UserProfile.Centers.CenterUI","operator":"notEquals","compareValue":"Intet valgt"},"disableUpdates":false,"type":"text"}},{"type":"shape","id":"2fef96e6-4e16-4930-bff5-1af3e405ea2c","elementConfiguration":{"binding":"UserProfile.Centers.Center_{{DocumentLanguage}}","visibility":{"action":"hide","binding":"UserProfile.Centers.CenterUI","operator":"equals","compareValue":"Intet valgt"},"disableUpdates":false,"type":"text"}},{"type":"shape","id":"0c129043-3da6-4c73-95c3-4378cdeff8be","elementConfiguration":{"binding":"Form.PresentationTitle","disableUpdates":false,"type":"text"}},{"type":"shape","id":"5c34b734-ca58-4cf7-ae3a-ebe97b8cbb15","elementConfiguration":{"binding":"UserProfile.Office.LogoColor_DCU","inheritDimensions":"inheritNone","width":"1.9 cm","height":"1.9 cm","disableUpdates":false,"type":"image"}},{"type":"shape","id":"6d323c9f-efc9-4941-9f9c-57a8be358b8e","elementConfiguration":{"binding":"UserProfile.EkstraLogo.ExtraLogoPPNEGDCU_{{DocumentLanguage}}","inheritDimensions":"inheritNone","width":"3.68 cm","height":"1.17 cm","disableUpdates":false,"type":"image"}},{"type":"shape","id":"87813e3c-0adf-47f6-a845-13adf5c8d293","elementConfiguration":{"binding":"UserProfile.EkstraLogo.ExtraLogoFive_PP_DCU_{{DocumentLanguage}}","inheritDimensions":"inheritNone","width":"2.42 cm","height":"2.5 cm","disableUpdates":false,"type":"image"}},{"type":"shape","id":"d0a9197d-1fb6-47fb-abbf-2a74571a5c6a","elementConfiguration":{"binding":"UserProfile.EkstraLogo.ExtraLogoTwo_PP_DCU_{{DocumentLanguage}}","inheritDimensions":"inheritNone","width":"2.42 cm","height":"2.5 cm","disableUpdates":false,"type":"image"}},{"type":"shape","id":"7ad2b810-08b6-4635-aef6-6a70e533ef71","elementConfiguration":{"binding":"UserProfile.EkstraLogo.ExtraLogoSix_PP_DCU_{{DocumentLanguage}}","inheritDimensions":"inheritNone","width":"11.6 cm","height":"1.72 cm","disableUpdates":false,"type":"image"}},{"type":"shape","id":"06c6d2eb-8314-446f-9520-102f25d7a793","elementConfiguration":{"binding":"UserProfile.Name","visibility":{"action":"hide","binding":"Form.Manuel_dato","operator":"notEquals","compareValue":""},"disableUpdates":false,"type":"text"}},{"type":"shape","id":"523e293b-f20f-4bf9-ab39-25f1d1ef7d65","elementConfiguration":{"binding":"Form.Manuel_dato","visibility":{"action":"hide","operator":"equals","compareValue":""},"disableUpdates":false,"type":"text"}},{"type":"shape","id":"d65007c0-9852-4876-b084-a7cabd3a8060","elementConfiguration":{"binding":"UserProfile.Office.LogoH_PP_DCU","inheritDimensions":"inheritWidth","width":"1.91 cm","disableUpdates":false,"type":"image"}},{"type":"shape","id":"209facd7-4086-41dc-ba59-8461d8ede372","elementConfiguration":{"binding":"UserProfile.Office.LogoColor_DCU","inheritDimensions":"inheritNone","width":"1.9 cm","height":"1.9 cm","disableUpdates":false,"type":"image"}},{"type":"shape","id":"8f87b274-7dcb-4643-ac99-d8da082c1531","elementConfiguration":{"binding":"UserProfile.Office.Virksomhed_{{DocumentLanguage}}","disableUpdates":false,"type":"text"}},{"type":"shape","id":"fabd47f2-5143-42bb-abea-f84f6bad6cdb","elementConfiguration":{"binding":"UserProfile.CenterFreeText","visibility":{"action":"hide","binding":"UserProfile.Centers.CenterUI","operator":"notEquals","compareValue":"Intet valgt"},"disableUpdates":false,"type":"text"}},{"type":"shape","id":"958ffc60-576e-4970-90b7-ba5d00ee60d4","elementConfiguration":{"binding":"UserProfile.Centers.Center_{{DocumentLanguage}}","visibility":{"action":"hide","binding":"UserProfile.Centers.CenterUI","operator":"equals","compareValue":"Intet valgt"},"disableUpdates":false,"type":"text"}},{"type":"shape","id":"e9036a51-79c3-4f19-bd74-5a9b68829819","elementConfiguration":{"binding":"Form.PresentationTitle","disableUpdates":false,"type":"text"}},{"type":"shape","id":"31653f5c-fe08-4e08-92fe-e506da36edb3","elementConfiguration":{"binding":"UserProfile.EkstraLogo.ExtraLogoPPNEGDCU_{{DocumentLanguage}}","inheritDimensions":"inheritNone","width":"3.68 cm","height":"1.17 cm","disableUpdates":false,"type":"image"}},{"type":"shape","id":"8b1d662e-aed2-41dc-be4d-e1329752f76d","elementConfiguration":{"binding":"UserProfile.EkstraLogo.ExtraLogoFive_PP_DCU_{{DocumentLanguage}}","inheritDimensions":"inheritNone","width":"2.42 cm","height":"2.5 cm","disableUpdates":false,"type":"image"}},{"type":"shape","id":"af081626-b4bd-4ee9-b3bf-0985de3477a7","elementConfiguration":{"binding":"UserProfile.EkstraLogo.ExtraLogoTwo_PP_DCU_{{DocumentLanguage}}","inheritDimensions":"inheritNone","width":"2.42 cm","height":"2.5 cm","disableUpdates":false,"type":"image"}},{"type":"shape","id":"5a3b6141-ad9e-4e77-8de6-b0ae6c67ac8d","elementConfiguration":{"binding":"UserProfile.EkstraLogo.ExtraLogoSix_PP_DCU_{{DocumentLanguage}}","inheritDimensions":"inheritNone","width":"11.6 cm","height":"1.72 cm","disableUpdates":false,"type":"image"}},{"type":"shape","id":"88a9a247-5d37-4f4f-a7dd-0fdfe3bea7b3","elementConfiguration":{"binding":"UserProfile.Name","visibility":{"action":"hide","binding":"Form.Manuel_dato","operator":"notEquals","compareValue":""},"disableUpdates":false,"type":"text"}},{"type":"shape","id":"d6e4f85a-201f-430c-ade0-e27f55c1c329","elementConfiguration":{"binding":"Form.Manuel_dato","visibility":{"action":"hide","operator":"equals","compareValue":""},"disableUpdates":false,"type":"text"}},{"type":"shape","id":"b5463f2a-65ea-41e4-bd4d-718052cd8b46","elementConfiguration":{"binding":"UserProfile.Office.LogoH_PP_DCU","inheritDimensions":"inheritWidth","width":"1.91 cm","disableUpdates":false,"type":"image"}},{"type":"shape","id":"4595c7b1-f312-4d29-958f-f51aea285e79","elementConfiguration":{"binding":"UserProfile.Office.Virksomhed_{{DocumentLanguage}}","disableUpdates":false,"type":"text"}},{"type":"shape","id":"47d32271-b005-4d2c-aaef-fbfc18277d87","elementConfiguration":{"binding":"UserProfile.CenterFreeText","visibility":{"action":"hide","binding":"UserProfile.Centers.CenterUI","operator":"notEquals","compareValue":"Intet valgt"},"disableUpdates":false,"type":"text"}},{"type":"shape","id":"bfb7b415-8762-4d74-9596-1e7f6eeef6de","elementConfiguration":{"binding":"UserProfile.Centers.Center_{{DocumentLanguage}}","visibility":{"action":"hide","binding":"UserProfile.Centers.CenterUI","operator":"equals","compareValue":"Intet valgt"},"disableUpdates":false,"type":"text"}},{"type":"shape","id":"d76078c2-f7bc-477d-a7d2-6df566c7f2f3","elementConfiguration":{"binding":"Form.PresentationTitle","disableUpdates":false,"type":"text"}},{"type":"shape","id":"b4122156-c8fe-4924-a311-ffeaecd3a216","elementConfiguration":{"binding":"UserProfile.Office.LogoColor_DCU","inheritDimensions":"inheritNone","width":"1.9 cm","height":"1.9 cm","disableUpdates":false,"type":"image"}},{"type":"shape","id":"1949a893-e75f-4283-b479-5a75762aa29c","elementConfiguration":{"binding":"UserProfile.EkstraLogo.ExtraLogoPPNEGDCU_{{DocumentLanguage}}","inheritDimensions":"inheritNone","width":"3.68 cm","height":"1.17 cm","disableUpdates":false,"type":"image"}},{"type":"shape","id":"81b9dd8f-57ab-4bad-bbd5-54292077cc45","elementConfiguration":{"binding":"UserProfile.EkstraLogo.ExtraLogoFive_PP_DCU_{{DocumentLanguage}}","inheritDimensions":"inheritNone","width":"2.42 cm","height":"2.5 cm","disableUpdates":false,"type":"image"}},{"type":"shape","id":"cf10c756-e31e-48ce-a33c-5dc54d482ebe","elementConfiguration":{"binding":"UserProfile.EkstraLogo.ExtraLogoTwo_PP_DCU_{{DocumentLanguage}}","inheritDimensions":"inheritNone","width":"2.42 cm","height":"2.5 cm","disableUpdates":false,"type":"image"}},{"type":"shape","id":"a3a3aad8-fee7-4681-8b83-5c83fa3fc8d8","elementConfiguration":{"binding":"UserProfile.EkstraLogo.ExtraLogoSix_PP_DCU_{{DocumentLanguage}}","inheritDimensions":"inheritNone","width":"11.6 cm","height":"1.72 cm","disableUpdates":false,"type":"image"}},{"type":"shape","id":"49ee124c-aa7a-46a1-8577-11ab30c9eb2e","elementConfiguration":{"binding":"UserProfile.Name","visibility":{"action":"hide","binding":"Form.Manuel_dato","operator":"notEquals","compareValue":""},"disableUpdates":false,"type":"text"}},{"type":"shape","id":"1ba52423-62b4-4f32-a66b-2df446f7ee3d","elementConfiguration":{"binding":"Form.Manuel_dato","visibility":{"action":"hide","operator":"equals","compareValue":""},"disableUpdates":false,"type":"text"}},{"type":"shape","id":"53fc1c55-56cc-40a1-a98e-5a885105acaf","elementConfiguration":{"binding":"UserProfile.Office.LogoH_PP_DCU","inheritDimensions":"inheritWidth","width":"1.91 cm","disableUpdates":false,"type":"image"}},{"type":"shape","id":"ab4f3291-9a86-4028-b70f-697f987f29f6","elementConfiguration":{"binding":"UserProfile.Office.LogoColor_DCU","inheritDimensions":"inheritNone","width":"1.9 cm","height":"13.39 cm","disableUpdates":false,"type":"image"}},{"type":"shape","id":"c7bf01c3-9b44-497d-9946-fe8eed665c8c","elementConfiguration":{"binding":"UserProfile.EkstraLogo.ExtraLogoPPDCU_{{DocumentLanguage}}","inheritDimensions":"inheritNone","width":"3.68 cm","height":"1.17 cm","disableUpdates":false,"type":"image"}},{"type":"shape","id":"450f100c-2dd6-4192-b954-88e9c6dbb9bd","elementConfiguration":{"binding":"UserProfile.Office.Virksomhed_{{DocumentLanguage}}","disableUpdates":false,"type":"text"}},{"type":"shape","id":"af48fec4-5300-4e51-8191-c09562c30b53","elementConfiguration":{"binding":"UserProfile.CenterFreeText","visibility":{"action":"hide","binding":"UserProfile.Centers.CenterUI","operator":"notEquals","compareValue":"Intet valgt"},"disableUpdates":false,"type":"text"}},{"type":"shape","id":"1c231d4a-c924-43ac-ba82-002a061e86b3","elementConfiguration":{"binding":"UserProfile.Centers.Center_{{DocumentLanguage}}","visibility":{"action":"hide","binding":"UserProfile.Centers.CenterUI","operator":"equals","compareValue":"Intet valgt"},"disableUpdates":false,"type":"text"}},{"type":"shape","id":"c800418b-fcaa-4ecb-a53e-d55d476836be","elementConfiguration":{"binding":"Form.PresentationTitle","disableUpdates":false,"type":"text"}},{"type":"shape","id":"fd71fba1-0a2d-4948-a7fd-9ca9d84f2538","elementConfiguration":{"binding":"UserProfile.EkstraLogo.ExtraLogoFive_PP_DCU_{{DocumentLanguage}}","inheritDimensions":"inheritNone","width":"2.42 cm","height":"2.5 cm","disableUpdates":false,"type":"image"}},{"type":"shape","id":"1e8089cd-acaa-4cfa-9aec-2adf17b9426c","elementConfiguration":{"binding":"UserProfile.EkstraLogo.ExtraLogoTwo_PP_DCU_{{DocumentLanguage}}","inheritDimensions":"inheritNone","width":"2.42 cm","height":"2.5 cm","disableUpdates":false,"type":"image"}},{"type":"shape","id":"4c01cc17-1d32-4d2b-9d8e-7e8c8980db1c","elementConfiguration":{"binding":"UserProfile.EkstraLogo.ExtraLogoSix_PP_DCU_{{DocumentLanguage}}","inheritDimensions":"inheritNone","width":"11.6 cm","height":"1.72 cm","disableUpdates":false,"type":"image"}},{"type":"shape","id":"edc714f1-06e5-4bda-b8bf-c4813baf9137","elementConfiguration":{"binding":"UserProfile.Name","visibility":{"action":"hide","binding":"Form.Manuel_dato","operator":"notEquals","compareValue":""},"disableUpdates":false,"type":"text"}},{"type":"shape","id":"2f91267b-765e-4c96-b312-fba705bec98f","elementConfiguration":{"binding":"Form.Manuel_dato","visibility":{"action":"hide","operator":"equals","compareValue":""},"disableUpdates":false,"type":"text"}},{"type":"shape","id":"ce223e13-5116-442e-9625-128022e785ea","elementConfiguration":{"binding":"UserProfile.Office.LogoH_PP_DCU","inheritDimensions":"inheritWidth","width":"1.91 cm","disableUpdates":false,"type":"image"}},{"type":"shape","id":"dbc302ff-2ba8-44c2-b8a0-86421221869d","elementConfiguration":{"binding":"UserProfile.Office.Virksomhed_{{DocumentLanguage}}","disableUpdates":false,"type":"text"}},{"type":"shape","id":"53e36f68-5908-43ac-986c-bb8dfe0267c6","elementConfiguration":{"binding":"UserProfile.CenterFreeText","visibility":{"action":"hide","binding":"UserProfile.Centers.CenterUI","operator":"notEquals","compareValue":"Intet valgt","compareValues":[""]},"disableUpdates":false,"type":"text"}},{"type":"shape","id":"4a319d98-15f7-4e71-9f8a-571fe05f3d8d","elementConfiguration":{"binding":"UserProfile.Centers.Center_{{DocumentLanguage}}","visibility":{"action":"hide","binding":"UserProfile.Centers.CenterUI","operator":"equals","compareValue":"Intet valgt"},"disableUpdates":false,"type":"text"}},{"type":"shape","id":"d73213c8-bb61-4b9e-a2cb-e6f4188242a6","elementConfiguration":{"binding":"Form.PresentationTitle","disableUpdates":false,"type":"text"}},{"type":"shape","id":"3f4387ad-df93-4cb6-a6fd-72596681f7bb","elementConfiguration":{"binding":"UserProfile.Office.LogoColor_DCU","inheritDimensions":"inheritNone","width":"1.9 cm","height":"1.9 cm","disableUpdates":false,"type":"image"}},{"type":"shape","id":"aefe98fa-c435-41f6-903c-b588b9981ea7","elementConfiguration":{"binding":"UserProfile.EkstraLogo.ExtraLogoPPNEGDCU_{{DocumentLanguage}}","inheritDimensions":"inheritNone","width":"3.68 cm","height":"1.17 cm","disableUpdates":false,"type":"image"}},{"type":"shape","id":"6d4132f3-4487-4275-adf1-aef8c874fbb2","elementConfiguration":{"binding":"UserProfile.EkstraLogo.ExtraLogoFive_PP_DCU_{{DocumentLanguage}}","inheritDimensions":"inheritNone","width":"2.42 cm","height":"2.5 cm","disableUpdates":false,"type":"image"}},{"type":"shape","id":"0f979aca-9188-4398-b5c8-cfee7d84ed33","elementConfiguration":{"binding":"UserProfile.EkstraLogo.ExtraLogoTwo_PP_DCU_{{DocumentLanguage}}","inheritDimensions":"inheritNone","width":"2.42 cm","height":"2.5 cm","disableUpdates":false,"type":"image"}},{"type":"shape","id":"74b2e1d6-9b3c-4f40-998b-0da9d39303a0","elementConfiguration":{"binding":"UserProfile.EkstraLogo.ExtraLogoSix_PP_DCU_{{DocumentLanguage}}","inheritDimensions":"inheritNone","width":"11.6 cm","height":"1.72 cm","disableUpdates":false,"type":"image"}},{"type":"shape","id":"44b4b636-4018-462e-a743-9f5a5f96b80e","elementConfiguration":{"binding":"UserProfile.Name","visibility":{"action":"hide","binding":"Form.Manuel_dato","operator":"notEquals","compareValue":""},"disableUpdates":false,"type":"text"}},{"type":"shape","id":"4896afed-3903-4636-a25e-58ea80269f39","elementConfiguration":{"binding":"Form.Manuel_dato","visibility":{"action":"hide","operator":"equals","compareValue":""},"disableUpdates":false,"type":"text"}},{"type":"shape","id":"06e7d381-6fb7-4b4d-9db3-21356f7e8f7c","elementConfiguration":{"binding":"UserProfile.Office.LogoH_PP_DCU","inheritDimensions":"inheritWidth","width":"1.91 cm","disableUpdates":false,"type":"image"}},{"type":"shape","id":"b9a953bd-6a49-45b6-8cfb-8dbc9e1d803a","elementConfiguration":{"binding":"UserProfile.Office.Virksomhed_{{DocumentLanguage}}","disableUpdates":false,"type":"text"}},{"type":"shape","id":"569587ed-93d6-4a57-813d-182263afb341","elementConfiguration":{"binding":"UserProfile.CenterFreeText","visibility":{"action":"hide","binding":"UserProfile.Centers.CenterUI","operator":"notEquals","compareValue":"Intet valgt"},"disableUpdates":false,"type":"text"}},{"type":"shape","id":"1af2daa3-ed5d-43e9-bd8e-0c07cb3f9d6d","elementConfiguration":{"binding":"UserProfile.Centers.Center_{{DocumentLanguage}}","visibility":{"action":"hide","binding":"UserProfile.Centers.CenterUI","operator":"equals","compareValue":"Intet valgt"},"disableUpdates":false,"type":"text"}},{"type":"shape","id":"1dc7025b-568f-44ed-b563-54ef30deb475","elementConfiguration":{"binding":"Form.PresentationTitle","disableUpdates":false,"type":"text"}},{"type":"shape","id":"fed94988-bc7e-4b0a-8714-68f8ef9eedbd","elementConfiguration":{"binding":"UserProfile.Office.LogoColor_DCU","inheritDimensions":"inheritNone","width":"1.9 cm","height":"1.9 cm","disableUpdates":false,"type":"image"}},{"type":"shape","id":"74f0694d-2fca-42dd-97d7-9ea35c95dd9d","elementConfiguration":{"binding":"UserProfile.EkstraLogo.ExtraLogoPPNEGDCU_{{DocumentLanguage}}","inheritDimensions":"inheritNone","width":"3.68 cm","height":"1.17 cm","disableUpdates":false,"type":"image"}},{"type":"shape","id":"6f3e3510-7be4-4dcd-ab1d-14ad8496b03d","elementConfiguration":{"binding":"UserProfile.EkstraLogo.ExtraLogoFive_PP_DCU_{{DocumentLanguage}}","inheritDimensions":"inheritNone","width":"2.42 cm","height":"2.5 cm","disableUpdates":false,"type":"image"}},{"type":"shape","id":"fe552e0a-7767-4766-9366-065ac381229e","elementConfiguration":{"binding":"UserProfile.EkstraLogo.ExtraLogoTwo_PP_DCU_{{DocumentLanguage}}","inheritDimensions":"inheritNone","width":"2.42 cm","height":"2.5 cm","disableUpdates":false,"type":"image"}},{"type":"shape","id":"a3071101-c2aa-4ccf-88cd-1f6f4b75206e","elementConfiguration":{"binding":"UserProfile.EkstraLogo.ExtraLogoSix_PP_DCU_{{DocumentLanguage}}","inheritDimensions":"inheritNone","width":"11.6 cm","height":"1.72 cm","disableUpdates":false,"type":"image"}},{"type":"shape","id":"74c7b960-87c1-4ab1-877a-0a6628b0c44b","elementConfiguration":{"binding":"UserProfile.Name","visibility":{"action":"hide","binding":"Form.Manuel_dato","operator":"notEquals","compareValue":""},"disableUpdates":false,"type":"text"}},{"type":"shape","id":"88dcd220-325c-4a9b-b398-88cf65fa1dbd","elementConfiguration":{"binding":"Form.Manuel_dato","visibility":{"action":"hide","operator":"equals","compareValue":""},"disableUpdates":false,"type":"text"}},{"type":"shape","id":"ccb4103d-c96c-4375-acba-0672342aba3f","elementConfiguration":{"binding":"UserProfile.Office.LogoH_PP_DCU","inheritDimensions":"inheritWidth","width":"1.91 cm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FÆLLES standard PowerPoint-præsentation 16:9","templateDescription":"Logo, enhedsnavn og farver følger dine valg i din brugerprofil","enableDocumentContentUpdater":true,"version":"1.3"}]]></TemplafyTemplateConfiguration>
</file>

<file path=customXml/item4.xml><?xml version="1.0" encoding="utf-8"?>
<TemplafyFormConfiguration><![CDATA[{"formFields":[{"required":false,"placeholder":"Præsentationens titel/beskrivelse (venstre sidefod)","lines":0,"type":"textBox","name":"PresentationTitle","label":"Titel/beskrivelse","helpTexts":{"prefix":"","postfix":""},"spacing":{},"fullyQualifiedName":"PresentationTitle"},{"required":false,"placeholder":"","lines":0,"type":"textBox","name":"Manuel_dato","label":"Dato","helpTexts":{"prefix":"Indsæt ønsket dato (fjerner brugernavnet)","postfix":""},"spacing":{},"fullyQualifiedName":"Manuel_dato"}],"formDataEntries":[]}]]></TemplafyFormConfiguration>
</file>

<file path=customXml/itemProps1.xml><?xml version="1.0" encoding="utf-8"?>
<ds:datastoreItem xmlns:ds="http://schemas.openxmlformats.org/officeDocument/2006/customXml" ds:itemID="{B518EF32-D7ED-4D8E-80D0-C33C01DB34BB}">
  <ds:schemaRefs/>
</ds:datastoreItem>
</file>

<file path=customXml/itemProps2.xml><?xml version="1.0" encoding="utf-8"?>
<ds:datastoreItem xmlns:ds="http://schemas.openxmlformats.org/officeDocument/2006/customXml" ds:itemID="{7FA764BE-93AE-4A1F-94F8-EB73EE3F6FA7}">
  <ds:schemaRefs/>
</ds:datastoreItem>
</file>

<file path=customXml/itemProps3.xml><?xml version="1.0" encoding="utf-8"?>
<ds:datastoreItem xmlns:ds="http://schemas.openxmlformats.org/officeDocument/2006/customXml" ds:itemID="{978984FF-6C25-4FD4-85EA-2F9586C8CA61}">
  <ds:schemaRefs/>
</ds:datastoreItem>
</file>

<file path=customXml/itemProps4.xml><?xml version="1.0" encoding="utf-8"?>
<ds:datastoreItem xmlns:ds="http://schemas.openxmlformats.org/officeDocument/2006/customXml" ds:itemID="{B0D2E709-FA3C-4E2D-A1F5-DD257C406372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69</Words>
  <Application>Microsoft Office PowerPoint</Application>
  <PresentationFormat>Widescreen</PresentationFormat>
  <Paragraphs>197</Paragraphs>
  <Slides>18</Slides>
  <Notes>1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</vt:i4>
      </vt:variant>
      <vt:variant>
        <vt:lpstr>Tema</vt:lpstr>
      </vt:variant>
      <vt:variant>
        <vt:i4>3</vt:i4>
      </vt:variant>
      <vt:variant>
        <vt:lpstr>Slidetitler</vt:lpstr>
      </vt:variant>
      <vt:variant>
        <vt:i4>18</vt:i4>
      </vt:variant>
    </vt:vector>
  </HeadingPairs>
  <TitlesOfParts>
    <vt:vector size="22" baseType="lpstr">
      <vt:lpstr>Arial</vt:lpstr>
      <vt:lpstr>REGION H Hospital PowerPoint Skabelon_DKfinal</vt:lpstr>
      <vt:lpstr>2_REGION H Hospital PowerPoint Skabelon_DKfinal</vt:lpstr>
      <vt:lpstr>1_REGION H Hospital PowerPoint Skabelon_DKfinal</vt:lpstr>
      <vt:lpstr>Letrozole in early breast cancer </vt:lpstr>
      <vt:lpstr>Aim </vt:lpstr>
      <vt:lpstr>Materials</vt:lpstr>
      <vt:lpstr>Patients</vt:lpstr>
      <vt:lpstr>Materials, PhD project</vt:lpstr>
      <vt:lpstr>PowerPoint-præsentation</vt:lpstr>
      <vt:lpstr>PowerPoint-præsentation</vt:lpstr>
      <vt:lpstr>PowerPoint-præsentation</vt:lpstr>
      <vt:lpstr>Tumour infiltrating lymphocytes </vt:lpstr>
      <vt:lpstr>PowerPoint-præsentation</vt:lpstr>
      <vt:lpstr>PowerPoint-præsentation</vt:lpstr>
      <vt:lpstr>Mutations in ER+, HER2 normal breast cancer</vt:lpstr>
      <vt:lpstr>PowerPoint-præsentation</vt:lpstr>
      <vt:lpstr>PIK3CA</vt:lpstr>
      <vt:lpstr>PIK3CA and response</vt:lpstr>
      <vt:lpstr>Summery results </vt:lpstr>
      <vt:lpstr>Perspective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18T12:05:54Z</dcterms:created>
  <dcterms:modified xsi:type="dcterms:W3CDTF">2021-01-15T06:37:26Z</dcterms:modified>
</cp:coreProperties>
</file>